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3.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426"/>
  <workbookPr/>
  <mc:AlternateContent xmlns:mc="http://schemas.openxmlformats.org/markup-compatibility/2006">
    <mc:Choice Requires="x15">
      <x15ac:absPath xmlns:x15ac="http://schemas.microsoft.com/office/spreadsheetml/2010/11/ac" url="\\10.2.108.50\s23902007\０２　指導監査\002 自主点検表等\自主点検表\R7年度\No.4_児童福祉施設\05_小規模保育事業所\HP用\"/>
    </mc:Choice>
  </mc:AlternateContent>
  <xr:revisionPtr revIDLastSave="0" documentId="13_ncr:1_{081D6515-96CA-497F-926C-150BDA209D43}" xr6:coauthVersionLast="47" xr6:coauthVersionMax="47" xr10:uidLastSave="{00000000-0000-0000-0000-000000000000}"/>
  <bookViews>
    <workbookView xWindow="-120" yWindow="-120" windowWidth="29040" windowHeight="15720" tabRatio="752" xr2:uid="{DED175F9-5782-4030-A0A6-1C6C3EA4D6C1}"/>
  </bookViews>
  <sheets>
    <sheet name="表紙・目次" sheetId="3" r:id="rId1"/>
    <sheet name="1入所児童数調べ" sheetId="8" r:id="rId2"/>
    <sheet name="2職員配置状況" sheetId="4" r:id="rId3"/>
    <sheet name="3職員の勤務状況" sheetId="5" r:id="rId4"/>
    <sheet name="4-1常勤1か月の勤務" sheetId="6" r:id="rId5"/>
    <sheet name="4-2非常勤1か月の勤務" sheetId="7" r:id="rId6"/>
    <sheet name="自主点検表" sheetId="1" r:id="rId7"/>
    <sheet name="各種項目入力欄※ここに入力すると点検表に反映されます" sheetId="9" r:id="rId8"/>
  </sheets>
  <definedNames>
    <definedName name="_xlnm.Print_Area" localSheetId="1">'1入所児童数調べ'!$A$1:$AC$42</definedName>
    <definedName name="_xlnm.Print_Area" localSheetId="2">'2職員配置状況'!$A$1:$R$34</definedName>
    <definedName name="_xlnm.Print_Area" localSheetId="3">'3職員の勤務状況'!$A$1:$AG$32</definedName>
    <definedName name="_xlnm.Print_Area" localSheetId="4">'4-1常勤1か月の勤務'!$A$1:$AR$27</definedName>
    <definedName name="_xlnm.Print_Area" localSheetId="7">各種項目入力欄※ここに入力すると点検表に反映されます!$AR$1</definedName>
    <definedName name="_xlnm.Print_Area" localSheetId="6">自主点検表!$A$1:$E$68,自主点検表!$A$69:$L$305</definedName>
    <definedName name="_xlnm.Print_Area" localSheetId="0">表紙・目次!$A$1:$I$83</definedName>
    <definedName name="_xlnm.Print_Titles" localSheetId="6">自主点検表!$69:$71</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O41" i="8" l="1"/>
  <c r="O40" i="8"/>
  <c r="O39" i="8"/>
  <c r="N41" i="8"/>
  <c r="M41" i="8"/>
  <c r="L41" i="8"/>
  <c r="K41" i="8"/>
  <c r="J41" i="8"/>
  <c r="I41" i="8"/>
  <c r="H41" i="8"/>
  <c r="G41" i="8"/>
  <c r="F41" i="8"/>
  <c r="N40" i="8"/>
  <c r="M40" i="8"/>
  <c r="L40" i="8"/>
  <c r="K40" i="8"/>
  <c r="J40" i="8"/>
  <c r="I40" i="8"/>
  <c r="H40" i="8"/>
  <c r="G40" i="8"/>
  <c r="F40" i="8"/>
  <c r="N39" i="8"/>
  <c r="M39" i="8"/>
  <c r="L39" i="8"/>
  <c r="K39" i="8"/>
  <c r="J39" i="8"/>
  <c r="I39" i="8"/>
  <c r="H39" i="8"/>
  <c r="G39" i="8"/>
  <c r="F39" i="8"/>
  <c r="E41" i="8"/>
  <c r="E40" i="8"/>
  <c r="E39" i="8" l="1"/>
  <c r="D41" i="8"/>
  <c r="D40" i="8"/>
  <c r="D39" i="8"/>
  <c r="Q14" i="9"/>
  <c r="P16" i="9" s="1"/>
  <c r="M14" i="9"/>
  <c r="L16" i="9" s="1"/>
  <c r="X12" i="9"/>
  <c r="X13" i="9"/>
  <c r="AF233" i="9"/>
  <c r="AF232" i="9"/>
  <c r="AF234" i="9" s="1"/>
  <c r="P39" i="8" l="1"/>
  <c r="P38" i="8"/>
  <c r="P37" i="8"/>
  <c r="P36" i="8"/>
  <c r="P35" i="8"/>
  <c r="P34" i="8"/>
  <c r="P33" i="8"/>
  <c r="P32" i="8"/>
  <c r="P31" i="8"/>
  <c r="P30" i="8"/>
  <c r="P29" i="8"/>
  <c r="P28" i="8"/>
  <c r="P27" i="8"/>
  <c r="P26" i="8"/>
  <c r="P25" i="8"/>
  <c r="P24" i="8"/>
  <c r="P23" i="8"/>
  <c r="P22" i="8"/>
  <c r="P21" i="8"/>
  <c r="V26" i="8"/>
  <c r="Y22" i="8"/>
  <c r="AC14" i="8"/>
  <c r="AB14" i="8"/>
  <c r="AA14" i="8"/>
  <c r="Z14" i="8"/>
  <c r="Y14" i="8"/>
  <c r="X14" i="8"/>
  <c r="W14" i="8"/>
  <c r="V14" i="8"/>
  <c r="U14" i="8"/>
  <c r="T14" i="8"/>
  <c r="S14" i="8"/>
  <c r="O14" i="8"/>
  <c r="N14" i="8"/>
  <c r="M14" i="8"/>
  <c r="L14" i="8"/>
  <c r="K14" i="8"/>
  <c r="J14" i="8"/>
  <c r="I14" i="8"/>
  <c r="H14" i="8"/>
  <c r="G14" i="8"/>
  <c r="F14" i="8"/>
  <c r="E14" i="8"/>
  <c r="D14" i="8"/>
  <c r="K451" i="9"/>
  <c r="I14" i="9"/>
  <c r="H16" i="9" s="1"/>
  <c r="X16" i="9" s="1"/>
  <c r="P41" i="8" l="1"/>
  <c r="P40" i="8"/>
  <c r="AC10" i="8"/>
  <c r="AC12" i="8" s="1"/>
  <c r="AB10" i="8"/>
  <c r="AB12" i="8" s="1"/>
  <c r="AA10" i="8"/>
  <c r="AA12" i="8" s="1"/>
  <c r="Z10" i="8"/>
  <c r="Z12" i="8" s="1"/>
  <c r="Y10" i="8"/>
  <c r="Y12" i="8" s="1"/>
  <c r="X10" i="8"/>
  <c r="X12" i="8" s="1"/>
  <c r="W10" i="8"/>
  <c r="W12" i="8" s="1"/>
  <c r="V10" i="8"/>
  <c r="V12" i="8" s="1"/>
  <c r="U10" i="8"/>
  <c r="U12" i="8" s="1"/>
  <c r="T10" i="8"/>
  <c r="T12" i="8" s="1"/>
  <c r="S10" i="8"/>
  <c r="S12" i="8" s="1"/>
  <c r="P13" i="8"/>
  <c r="Q13" i="8" s="1"/>
  <c r="P11" i="8"/>
  <c r="Q11" i="8" s="1"/>
  <c r="O10" i="8" l="1"/>
  <c r="O12" i="8" s="1"/>
  <c r="N10" i="8"/>
  <c r="N12" i="8" s="1"/>
  <c r="M10" i="8"/>
  <c r="M12" i="8" s="1"/>
  <c r="L10" i="8"/>
  <c r="L12" i="8" s="1"/>
  <c r="K10" i="8"/>
  <c r="K12" i="8" s="1"/>
  <c r="J10" i="8"/>
  <c r="J12" i="8" s="1"/>
  <c r="I10" i="8"/>
  <c r="I12" i="8" s="1"/>
  <c r="H10" i="8"/>
  <c r="H12" i="8" s="1"/>
  <c r="G10" i="8"/>
  <c r="G12" i="8" s="1"/>
  <c r="F10" i="8"/>
  <c r="F12" i="8" s="1"/>
  <c r="E10" i="8"/>
  <c r="E12" i="8" s="1"/>
  <c r="D10" i="8"/>
  <c r="D12" i="8" s="1"/>
  <c r="P9" i="8"/>
  <c r="Q9" i="8" s="1"/>
  <c r="P8" i="8"/>
  <c r="Q8" i="8" s="1"/>
  <c r="P7" i="8"/>
  <c r="Q7" i="8" s="1"/>
  <c r="P6" i="8"/>
  <c r="Q6" i="8" s="1"/>
  <c r="P5" i="8"/>
  <c r="Q5" i="8" s="1"/>
  <c r="P4" i="8"/>
  <c r="Q4" i="8" s="1"/>
  <c r="P14" i="8" l="1"/>
  <c r="Q14" i="8" s="1"/>
  <c r="P12" i="8"/>
  <c r="Q12" i="8" s="1"/>
  <c r="P10" i="8"/>
  <c r="Q10" i="8" s="1"/>
</calcChain>
</file>

<file path=xl/sharedStrings.xml><?xml version="1.0" encoding="utf-8"?>
<sst xmlns="http://schemas.openxmlformats.org/spreadsheetml/2006/main" count="2749" uniqueCount="1214">
  <si>
    <t>令和７年度</t>
    <rPh sb="0" eb="2">
      <t>レイワ</t>
    </rPh>
    <rPh sb="3" eb="5">
      <t>ネンド</t>
    </rPh>
    <phoneticPr fontId="2"/>
  </si>
  <si>
    <t>社会福祉施設等概要報告書及び自主点検表</t>
    <rPh sb="0" eb="2">
      <t>シャカイ</t>
    </rPh>
    <rPh sb="2" eb="4">
      <t>フクシ</t>
    </rPh>
    <rPh sb="4" eb="6">
      <t>シセツ</t>
    </rPh>
    <rPh sb="6" eb="7">
      <t>トウ</t>
    </rPh>
    <rPh sb="7" eb="9">
      <t>ガイヨウ</t>
    </rPh>
    <rPh sb="9" eb="12">
      <t>ホウコクショ</t>
    </rPh>
    <rPh sb="12" eb="13">
      <t>オヨ</t>
    </rPh>
    <rPh sb="14" eb="16">
      <t>ジシュ</t>
    </rPh>
    <rPh sb="16" eb="18">
      <t>テンケン</t>
    </rPh>
    <rPh sb="18" eb="19">
      <t>ヒョウ</t>
    </rPh>
    <phoneticPr fontId="2"/>
  </si>
  <si>
    <t>法　　　人</t>
    <rPh sb="0" eb="1">
      <t>ホウ</t>
    </rPh>
    <rPh sb="4" eb="5">
      <t>ヒト</t>
    </rPh>
    <phoneticPr fontId="2"/>
  </si>
  <si>
    <t>所在地</t>
    <rPh sb="0" eb="3">
      <t>ショザイチ</t>
    </rPh>
    <phoneticPr fontId="2"/>
  </si>
  <si>
    <t>名称</t>
    <rPh sb="0" eb="2">
      <t>メイショウ</t>
    </rPh>
    <phoneticPr fontId="2"/>
  </si>
  <si>
    <t>代表者名</t>
    <rPh sb="0" eb="3">
      <t>ダイヒョウシャ</t>
    </rPh>
    <rPh sb="3" eb="4">
      <t>メイ</t>
    </rPh>
    <phoneticPr fontId="2"/>
  </si>
  <si>
    <t>施　　　設</t>
    <rPh sb="0" eb="1">
      <t>セ</t>
    </rPh>
    <rPh sb="4" eb="5">
      <t>セツ</t>
    </rPh>
    <phoneticPr fontId="2"/>
  </si>
  <si>
    <t>〒</t>
    <phoneticPr fontId="2"/>
  </si>
  <si>
    <t>鹿児島市</t>
    <rPh sb="0" eb="4">
      <t>カゴシマシ</t>
    </rPh>
    <phoneticPr fontId="2"/>
  </si>
  <si>
    <t>名　称</t>
    <rPh sb="0" eb="1">
      <t>メイ</t>
    </rPh>
    <rPh sb="2" eb="3">
      <t>ショウ</t>
    </rPh>
    <phoneticPr fontId="2"/>
  </si>
  <si>
    <t>電話番号</t>
    <rPh sb="0" eb="2">
      <t>デンワ</t>
    </rPh>
    <rPh sb="2" eb="4">
      <t>バンゴウ</t>
    </rPh>
    <phoneticPr fontId="2"/>
  </si>
  <si>
    <t>E-mail</t>
    <phoneticPr fontId="2"/>
  </si>
  <si>
    <t>管理者名</t>
    <rPh sb="0" eb="3">
      <t>カンリシャ</t>
    </rPh>
    <rPh sb="3" eb="4">
      <t>メイ</t>
    </rPh>
    <phoneticPr fontId="2"/>
  </si>
  <si>
    <t>氏名：</t>
    <rPh sb="0" eb="2">
      <t>シメイ</t>
    </rPh>
    <phoneticPr fontId="2"/>
  </si>
  <si>
    <t>点検状況</t>
    <rPh sb="0" eb="2">
      <t>テンケン</t>
    </rPh>
    <rPh sb="2" eb="4">
      <t>ジョウキョウ</t>
    </rPh>
    <phoneticPr fontId="2"/>
  </si>
  <si>
    <t>年月日</t>
    <rPh sb="0" eb="3">
      <t>ネンガッピ</t>
    </rPh>
    <phoneticPr fontId="2"/>
  </si>
  <si>
    <t>点検者</t>
    <rPh sb="0" eb="2">
      <t>テンケン</t>
    </rPh>
    <rPh sb="2" eb="3">
      <t>シャ</t>
    </rPh>
    <phoneticPr fontId="2"/>
  </si>
  <si>
    <t>職名：</t>
    <rPh sb="0" eb="2">
      <t>ショクメイ</t>
    </rPh>
    <phoneticPr fontId="2"/>
  </si>
  <si>
    <t>指導監査当日
の対応者</t>
    <rPh sb="0" eb="2">
      <t>シドウ</t>
    </rPh>
    <rPh sb="2" eb="4">
      <t>カンサ</t>
    </rPh>
    <rPh sb="4" eb="6">
      <t>トウジツ</t>
    </rPh>
    <rPh sb="8" eb="10">
      <t>タイオウ</t>
    </rPh>
    <rPh sb="10" eb="11">
      <t>シャ</t>
    </rPh>
    <phoneticPr fontId="2"/>
  </si>
  <si>
    <t>職・氏名</t>
    <rPh sb="0" eb="1">
      <t>ショク</t>
    </rPh>
    <rPh sb="2" eb="4">
      <t>シメイ</t>
    </rPh>
    <phoneticPr fontId="2"/>
  </si>
  <si>
    <t>※当日、主に対応いただける内容（「児」：児童処遇、「職」：職員処遇）を選択してください。</t>
    <rPh sb="1" eb="3">
      <t>トウジツ</t>
    </rPh>
    <rPh sb="4" eb="5">
      <t>オモ</t>
    </rPh>
    <rPh sb="6" eb="8">
      <t>タイオウ</t>
    </rPh>
    <rPh sb="13" eb="15">
      <t>ナイヨウ</t>
    </rPh>
    <rPh sb="17" eb="18">
      <t>ジ</t>
    </rPh>
    <rPh sb="20" eb="22">
      <t>ジドウ</t>
    </rPh>
    <rPh sb="22" eb="24">
      <t>ショグウ</t>
    </rPh>
    <rPh sb="26" eb="27">
      <t>ショク</t>
    </rPh>
    <rPh sb="29" eb="31">
      <t>ショクイン</t>
    </rPh>
    <rPh sb="31" eb="33">
      <t>ショグウ</t>
    </rPh>
    <rPh sb="35" eb="37">
      <t>センタク</t>
    </rPh>
    <phoneticPr fontId="2"/>
  </si>
  <si>
    <t>指導監査課</t>
    <rPh sb="0" eb="2">
      <t>シドウ</t>
    </rPh>
    <rPh sb="2" eb="4">
      <t>カンサ</t>
    </rPh>
    <rPh sb="4" eb="5">
      <t>カ</t>
    </rPh>
    <phoneticPr fontId="2"/>
  </si>
  <si>
    <t>監査年月日</t>
    <rPh sb="0" eb="2">
      <t>カンサ</t>
    </rPh>
    <rPh sb="2" eb="5">
      <t>ネンガッピ</t>
    </rPh>
    <phoneticPr fontId="2"/>
  </si>
  <si>
    <t>職・氏名</t>
    <phoneticPr fontId="2"/>
  </si>
  <si>
    <r>
      <t>※</t>
    </r>
    <r>
      <rPr>
        <b/>
        <u/>
        <sz val="11"/>
        <color theme="1"/>
        <rFont val="ＭＳ Ｐゴシック"/>
        <family val="3"/>
        <charset val="128"/>
      </rPr>
      <t>太枠</t>
    </r>
    <r>
      <rPr>
        <sz val="11"/>
        <color theme="1"/>
        <rFont val="ＭＳ Ｐゴシック"/>
        <family val="3"/>
        <charset val="128"/>
      </rPr>
      <t>のみ記入し、自主点検終了後、指導監査課へ1部、提出してください。</t>
    </r>
    <rPh sb="1" eb="3">
      <t>フトワク</t>
    </rPh>
    <rPh sb="5" eb="7">
      <t>キニュウ</t>
    </rPh>
    <rPh sb="9" eb="11">
      <t>ジシュ</t>
    </rPh>
    <rPh sb="11" eb="13">
      <t>テンケン</t>
    </rPh>
    <rPh sb="13" eb="16">
      <t>シュウリョウゴ</t>
    </rPh>
    <rPh sb="17" eb="19">
      <t>シドウ</t>
    </rPh>
    <rPh sb="19" eb="21">
      <t>カンサ</t>
    </rPh>
    <rPh sb="21" eb="22">
      <t>カ</t>
    </rPh>
    <rPh sb="24" eb="25">
      <t>ブ</t>
    </rPh>
    <rPh sb="26" eb="28">
      <t>テイシュツ</t>
    </rPh>
    <phoneticPr fontId="2"/>
  </si>
  <si>
    <t>目　　次</t>
    <rPh sb="0" eb="1">
      <t>メ</t>
    </rPh>
    <rPh sb="3" eb="4">
      <t>ツギ</t>
    </rPh>
    <phoneticPr fontId="2"/>
  </si>
  <si>
    <t>【　概要報告書　】</t>
  </si>
  <si>
    <t xml:space="preserve"> </t>
    <phoneticPr fontId="2"/>
  </si>
  <si>
    <t>２</t>
    <phoneticPr fontId="2"/>
  </si>
  <si>
    <t>３</t>
    <phoneticPr fontId="2"/>
  </si>
  <si>
    <t>４</t>
    <phoneticPr fontId="2"/>
  </si>
  <si>
    <t>【　自主点検表　】</t>
  </si>
  <si>
    <t>Ⅰ　児童処遇</t>
  </si>
  <si>
    <t>　１　職員体制</t>
    <phoneticPr fontId="2"/>
  </si>
  <si>
    <t>６</t>
    <phoneticPr fontId="2"/>
  </si>
  <si>
    <t>１０</t>
    <phoneticPr fontId="2"/>
  </si>
  <si>
    <t>　３　施設整備</t>
    <phoneticPr fontId="2"/>
  </si>
  <si>
    <t>２０</t>
    <phoneticPr fontId="2"/>
  </si>
  <si>
    <t>　４　給食の実施状況</t>
    <phoneticPr fontId="2"/>
  </si>
  <si>
    <t>２２</t>
    <phoneticPr fontId="2"/>
  </si>
  <si>
    <t>　５　給食材料等</t>
    <phoneticPr fontId="2"/>
  </si>
  <si>
    <t>２４</t>
    <phoneticPr fontId="2"/>
  </si>
  <si>
    <t>　６　保健衛生管理体制</t>
    <phoneticPr fontId="2"/>
  </si>
  <si>
    <t>２６</t>
    <phoneticPr fontId="2"/>
  </si>
  <si>
    <t>　　　　（参考）１　給食関係者等検便の実施状況（前年度分）</t>
    <phoneticPr fontId="2"/>
  </si>
  <si>
    <t>３０</t>
    <phoneticPr fontId="2"/>
  </si>
  <si>
    <t>　　　　　　　　 ２　給食の実施状況（前年度分）</t>
    <phoneticPr fontId="2"/>
  </si>
  <si>
    <t>３１</t>
    <phoneticPr fontId="2"/>
  </si>
  <si>
    <t>　７　防災体制の状況</t>
    <phoneticPr fontId="2"/>
  </si>
  <si>
    <t>３６</t>
    <phoneticPr fontId="2"/>
  </si>
  <si>
    <t>　８　防災訓練の実施状況</t>
    <phoneticPr fontId="2"/>
  </si>
  <si>
    <t>４０</t>
    <phoneticPr fontId="2"/>
  </si>
  <si>
    <t>　　　　（参考）１　防災設備の整備状況</t>
    <phoneticPr fontId="2"/>
  </si>
  <si>
    <t>４２</t>
    <phoneticPr fontId="2"/>
  </si>
  <si>
    <t>　　　　　　　　 ２　防災訓練の実施状況（前年度分）</t>
    <phoneticPr fontId="2"/>
  </si>
  <si>
    <t>４３</t>
    <phoneticPr fontId="2"/>
  </si>
  <si>
    <t>　９　連携施設</t>
    <rPh sb="3" eb="5">
      <t>レンケイ</t>
    </rPh>
    <rPh sb="5" eb="7">
      <t>シセツ</t>
    </rPh>
    <phoneticPr fontId="2"/>
  </si>
  <si>
    <t>４４</t>
    <phoneticPr fontId="2"/>
  </si>
  <si>
    <t>　10　事故防止及び事故発生時の対応</t>
    <phoneticPr fontId="2"/>
  </si>
  <si>
    <t>　11　自動車</t>
    <phoneticPr fontId="2"/>
  </si>
  <si>
    <t>５０</t>
    <phoneticPr fontId="2"/>
  </si>
  <si>
    <t>　12　損害賠償保険</t>
    <phoneticPr fontId="2"/>
  </si>
  <si>
    <t>　13　相談・苦情解決</t>
    <phoneticPr fontId="2"/>
  </si>
  <si>
    <t>５２</t>
    <phoneticPr fontId="2"/>
  </si>
  <si>
    <t>Ⅱ　職員処遇</t>
    <phoneticPr fontId="2"/>
  </si>
  <si>
    <t>５８</t>
    <phoneticPr fontId="2"/>
  </si>
  <si>
    <t>【　記入要領及び注意事項　】</t>
  </si>
  <si>
    <t>　１　本表は各事項について自主点検を行い、その結果を「自己評価」欄の該当□ に✓チェック（又は■）してください。</t>
    <rPh sb="34" eb="36">
      <t>ガイトウ</t>
    </rPh>
    <phoneticPr fontId="2"/>
  </si>
  <si>
    <t>　２　該当しない事項、又は前年度事例がない場合は、「自己評価」欄の非該当□に✓チェック（又は■）してください。</t>
    <rPh sb="33" eb="36">
      <t>ヒガイトウ</t>
    </rPh>
    <phoneticPr fontId="2"/>
  </si>
  <si>
    <t>　３　各調書に類似した「着眼点」がある場合も、それぞれに記載してください。</t>
    <phoneticPr fontId="2"/>
  </si>
  <si>
    <t>　４　特に期日の指定がない事項については、前年度又は監査の前月の状況について記入してください。</t>
    <rPh sb="26" eb="28">
      <t>カンサ</t>
    </rPh>
    <rPh sb="29" eb="31">
      <t>ゼンゲツ</t>
    </rPh>
    <phoneticPr fontId="2"/>
  </si>
  <si>
    <t>　５　回答の判断が困難な場合は、事前に指導監査課へお問い合わせください。</t>
    <phoneticPr fontId="2"/>
  </si>
  <si>
    <t>　６　「着眼点」の欄が不足するときは、別末に記載して添付してください。</t>
    <phoneticPr fontId="2"/>
  </si>
  <si>
    <t>　７　添付資料については、Ａ４版（監査資料サイズ）に統一してください。なお、規程等について、既に印刷物がある</t>
    <phoneticPr fontId="2"/>
  </si>
  <si>
    <t>　　場合は印刷物で可とします。</t>
    <phoneticPr fontId="2"/>
  </si>
  <si>
    <t>　８　関係のないページは記入する必要はありませんが、その場合は未記入のまま提出してください。又、一つの項</t>
    <phoneticPr fontId="2"/>
  </si>
  <si>
    <t>　　目においてページ等の関係で２枚以上になる場合のページは、枝番を付けてください。</t>
    <phoneticPr fontId="2"/>
  </si>
  <si>
    <t>【　添付資料　】</t>
  </si>
  <si>
    <t>Ｐ　４関係</t>
    <phoneticPr fontId="2"/>
  </si>
  <si>
    <t>Ｐ４２関係</t>
    <phoneticPr fontId="2"/>
  </si>
  <si>
    <t>（前年度分）</t>
    <rPh sb="1" eb="4">
      <t>ゼンネンド</t>
    </rPh>
    <rPh sb="4" eb="5">
      <t>ブン</t>
    </rPh>
    <phoneticPr fontId="2"/>
  </si>
  <si>
    <t>（当年度分）</t>
    <rPh sb="1" eb="4">
      <t>トウネンド</t>
    </rPh>
    <rPh sb="4" eb="5">
      <t>ブン</t>
    </rPh>
    <phoneticPr fontId="2"/>
  </si>
  <si>
    <t>4
月</t>
    <rPh sb="2" eb="3">
      <t>ガツ</t>
    </rPh>
    <phoneticPr fontId="2"/>
  </si>
  <si>
    <t>5
月</t>
    <rPh sb="2" eb="3">
      <t>ガツ</t>
    </rPh>
    <phoneticPr fontId="2"/>
  </si>
  <si>
    <t>6
月</t>
    <phoneticPr fontId="2"/>
  </si>
  <si>
    <t>7
月</t>
    <phoneticPr fontId="2"/>
  </si>
  <si>
    <t>8
月</t>
    <phoneticPr fontId="2"/>
  </si>
  <si>
    <t>9
月</t>
    <phoneticPr fontId="2"/>
  </si>
  <si>
    <t>10
月</t>
    <phoneticPr fontId="2"/>
  </si>
  <si>
    <t>11
月</t>
    <phoneticPr fontId="2"/>
  </si>
  <si>
    <t>12
月</t>
    <phoneticPr fontId="2"/>
  </si>
  <si>
    <t>1
月</t>
    <phoneticPr fontId="2"/>
  </si>
  <si>
    <t>2
月</t>
    <phoneticPr fontId="2"/>
  </si>
  <si>
    <t>3
月</t>
    <phoneticPr fontId="2"/>
  </si>
  <si>
    <t>計</t>
    <rPh sb="0" eb="1">
      <t>ケイ</t>
    </rPh>
    <phoneticPr fontId="2"/>
  </si>
  <si>
    <t>平均</t>
    <rPh sb="0" eb="2">
      <t>ヘイキン</t>
    </rPh>
    <phoneticPr fontId="2"/>
  </si>
  <si>
    <t>月初日入所児童数（入）</t>
    <rPh sb="0" eb="1">
      <t>ツキ</t>
    </rPh>
    <rPh sb="1" eb="3">
      <t>ショニチ</t>
    </rPh>
    <rPh sb="3" eb="5">
      <t>ニュウショ</t>
    </rPh>
    <rPh sb="5" eb="7">
      <t>ジドウ</t>
    </rPh>
    <rPh sb="7" eb="8">
      <t>スウ</t>
    </rPh>
    <rPh sb="9" eb="10">
      <t>ハイ</t>
    </rPh>
    <phoneticPr fontId="2"/>
  </si>
  <si>
    <t>0歳児</t>
    <rPh sb="1" eb="2">
      <t>サイ</t>
    </rPh>
    <rPh sb="2" eb="3">
      <t>ジ</t>
    </rPh>
    <phoneticPr fontId="2"/>
  </si>
  <si>
    <t>1歳児</t>
    <rPh sb="1" eb="2">
      <t>サイ</t>
    </rPh>
    <rPh sb="2" eb="3">
      <t>ジ</t>
    </rPh>
    <phoneticPr fontId="2"/>
  </si>
  <si>
    <t>2歳児</t>
    <rPh sb="1" eb="2">
      <t>サイ</t>
    </rPh>
    <rPh sb="2" eb="3">
      <t>ジ</t>
    </rPh>
    <phoneticPr fontId="2"/>
  </si>
  <si>
    <t>3歳児</t>
    <rPh sb="1" eb="3">
      <t>サイジ</t>
    </rPh>
    <phoneticPr fontId="2"/>
  </si>
  <si>
    <t>―</t>
    <phoneticPr fontId="2"/>
  </si>
  <si>
    <t>―</t>
  </si>
  <si>
    <t>4歳児</t>
    <rPh sb="1" eb="2">
      <t>サイ</t>
    </rPh>
    <rPh sb="2" eb="3">
      <t>ジ</t>
    </rPh>
    <phoneticPr fontId="2"/>
  </si>
  <si>
    <t>5歳児</t>
    <rPh sb="1" eb="3">
      <t>サイジ</t>
    </rPh>
    <phoneticPr fontId="2"/>
  </si>
  <si>
    <t>計（Ａ）</t>
    <rPh sb="0" eb="1">
      <t>ケイ</t>
    </rPh>
    <phoneticPr fontId="2"/>
  </si>
  <si>
    <t>開所日数（日）
Ｂ</t>
    <rPh sb="0" eb="2">
      <t>カイショ</t>
    </rPh>
    <rPh sb="2" eb="4">
      <t>ニッスウ</t>
    </rPh>
    <rPh sb="5" eb="6">
      <t>ヒ</t>
    </rPh>
    <phoneticPr fontId="2"/>
  </si>
  <si>
    <t>入所延人員（人）
Ａ×Ｂ＝Ｃ</t>
    <rPh sb="0" eb="2">
      <t>ニュウショ</t>
    </rPh>
    <rPh sb="2" eb="3">
      <t>ノ</t>
    </rPh>
    <rPh sb="3" eb="5">
      <t>ジンイン</t>
    </rPh>
    <rPh sb="6" eb="7">
      <t>ヒト</t>
    </rPh>
    <phoneticPr fontId="2"/>
  </si>
  <si>
    <t>出席</t>
    <rPh sb="0" eb="2">
      <t>シュッセキ</t>
    </rPh>
    <phoneticPr fontId="2"/>
  </si>
  <si>
    <t>延べ人員（人）
Ｄ</t>
    <rPh sb="0" eb="1">
      <t>ノ</t>
    </rPh>
    <rPh sb="2" eb="4">
      <t>ジンイン</t>
    </rPh>
    <rPh sb="5" eb="6">
      <t>ヒト</t>
    </rPh>
    <phoneticPr fontId="2"/>
  </si>
  <si>
    <t>％
Ｄ／Ｃ</t>
    <phoneticPr fontId="2"/>
  </si>
  <si>
    <t>備　　考</t>
    <rPh sb="0" eb="1">
      <t>ビ</t>
    </rPh>
    <rPh sb="3" eb="4">
      <t>コウ</t>
    </rPh>
    <phoneticPr fontId="2"/>
  </si>
  <si>
    <t>（注）１　月初日入所児童数の年齢区分は年度初日の前日を基準日として記入してください。</t>
    <rPh sb="1" eb="2">
      <t>チュウ</t>
    </rPh>
    <rPh sb="5" eb="6">
      <t>ツキ</t>
    </rPh>
    <rPh sb="6" eb="8">
      <t>ショニチ</t>
    </rPh>
    <rPh sb="8" eb="10">
      <t>ニュウショ</t>
    </rPh>
    <rPh sb="10" eb="12">
      <t>ジドウ</t>
    </rPh>
    <rPh sb="12" eb="13">
      <t>スウ</t>
    </rPh>
    <rPh sb="14" eb="16">
      <t>ネンレイ</t>
    </rPh>
    <rPh sb="16" eb="18">
      <t>クブン</t>
    </rPh>
    <rPh sb="19" eb="21">
      <t>ネンド</t>
    </rPh>
    <rPh sb="21" eb="23">
      <t>ショニチ</t>
    </rPh>
    <rPh sb="24" eb="26">
      <t>ゼンジツ</t>
    </rPh>
    <rPh sb="27" eb="30">
      <t>キジュンビ</t>
    </rPh>
    <rPh sb="33" eb="35">
      <t>キニュウ</t>
    </rPh>
    <phoneticPr fontId="2"/>
  </si>
  <si>
    <t>　　　２　本表は、前年度（4月から3月）の状況を記入し、当年度については提出時点に確定している月まで記入してください。</t>
    <rPh sb="5" eb="6">
      <t>ホン</t>
    </rPh>
    <rPh sb="6" eb="7">
      <t>ピョウ</t>
    </rPh>
    <phoneticPr fontId="2"/>
  </si>
  <si>
    <t>２　職員配置状況</t>
    <rPh sb="2" eb="4">
      <t>ショクイン</t>
    </rPh>
    <rPh sb="4" eb="6">
      <t>ハイチ</t>
    </rPh>
    <rPh sb="6" eb="8">
      <t>ジョウキョウ</t>
    </rPh>
    <phoneticPr fontId="2"/>
  </si>
  <si>
    <t>※前年度の4月1日から今年度の自主点検表作成時点までの間に在職したすべての職員（非常勤職員及び退職者を含む。）について記入してください。</t>
    <phoneticPr fontId="2"/>
  </si>
  <si>
    <t>職　名</t>
  </si>
  <si>
    <t>雇　用
形　態</t>
    <phoneticPr fontId="2"/>
  </si>
  <si>
    <r>
      <rPr>
        <sz val="9"/>
        <color theme="1"/>
        <rFont val="ＭＳ Ｐゴシック"/>
        <family val="3"/>
        <charset val="128"/>
      </rPr>
      <t>氏　　　名
（年齢）</t>
    </r>
    <r>
      <rPr>
        <sz val="10"/>
        <color theme="1"/>
        <rFont val="ＭＳ Ｐゴシック"/>
        <family val="3"/>
        <charset val="128"/>
      </rPr>
      <t xml:space="preserve">
</t>
    </r>
    <r>
      <rPr>
        <sz val="8"/>
        <color theme="1"/>
        <rFont val="ＭＳ Ｐゴシック"/>
        <family val="3"/>
        <charset val="128"/>
      </rPr>
      <t>当該年4月1日現在</t>
    </r>
    <phoneticPr fontId="2"/>
  </si>
  <si>
    <t>資格等</t>
  </si>
  <si>
    <t>最終
学歴</t>
    <phoneticPr fontId="2"/>
  </si>
  <si>
    <t>経 験 年 数 等</t>
    <phoneticPr fontId="2"/>
  </si>
  <si>
    <t>給　　　　料　（月　額）</t>
    <phoneticPr fontId="2"/>
  </si>
  <si>
    <r>
      <rPr>
        <sz val="9"/>
        <color theme="1"/>
        <rFont val="ＭＳ Ｐゴシック"/>
        <family val="3"/>
        <charset val="128"/>
      </rPr>
      <t>親族関係</t>
    </r>
    <r>
      <rPr>
        <sz val="10"/>
        <color theme="1"/>
        <rFont val="ＭＳ Ｐゴシック"/>
        <family val="3"/>
        <charset val="128"/>
      </rPr>
      <t xml:space="preserve">
</t>
    </r>
    <r>
      <rPr>
        <sz val="8"/>
        <color theme="1"/>
        <rFont val="ＭＳ Ｐゴシック"/>
        <family val="3"/>
        <charset val="128"/>
      </rPr>
      <t>（法人理事、
施設長との
続柄等）</t>
    </r>
    <phoneticPr fontId="2"/>
  </si>
  <si>
    <t>備　　考
退職理由
退職年月日
異動年月日
兼務職名
などを記入</t>
    <phoneticPr fontId="2"/>
  </si>
  <si>
    <t>名　称</t>
    <phoneticPr fontId="2"/>
  </si>
  <si>
    <t>取　得
（登録）
年月日</t>
    <phoneticPr fontId="2"/>
  </si>
  <si>
    <t>現施設
経験年数</t>
    <phoneticPr fontId="2"/>
  </si>
  <si>
    <t>他の
福祉
施設
経験
年数</t>
    <phoneticPr fontId="2"/>
  </si>
  <si>
    <t>福祉
事業
以外
の経験
年数</t>
    <phoneticPr fontId="2"/>
  </si>
  <si>
    <t>令和6年4月1日
現在
円
（級・号）</t>
    <phoneticPr fontId="2"/>
  </si>
  <si>
    <t>中途昇給の状況</t>
    <phoneticPr fontId="2"/>
  </si>
  <si>
    <t>令和7年3月31日
現在
円
（級・号）</t>
    <phoneticPr fontId="2"/>
  </si>
  <si>
    <t>令和7年4月1日
現在
円
（級・号）</t>
    <phoneticPr fontId="2"/>
  </si>
  <si>
    <t>採用
年月日</t>
    <phoneticPr fontId="2"/>
  </si>
  <si>
    <t>勤続
年数</t>
    <phoneticPr fontId="2"/>
  </si>
  <si>
    <t>年月日</t>
    <phoneticPr fontId="2"/>
  </si>
  <si>
    <t>（注）１　複数の職務を兼務している場合、該当職員の備考欄に兼務職名を記入してください。　（例）保育士が調理員を兼務　→　「職名」欄に保育士、「備考」欄に調理員と記入。</t>
  </si>
  <si>
    <t>　　　２　「雇用形態」の欄は、常勤職員は空白のまま、常勤職員以外は勤務時間数を記入してください。（例）週○回○時間、月○日○時間</t>
    <phoneticPr fontId="2"/>
  </si>
  <si>
    <t>　　　３　「資格等」の欄は、保育士資格については、県への登録年月日を記入してください。配置特例を適用している場合は、特例適用に該当する資格の名称・取得年月日を記載してください。</t>
    <phoneticPr fontId="2"/>
  </si>
  <si>
    <t>３　職員の勤務状況</t>
  </si>
  <si>
    <t>　（１）　勤務形態及び勤務内容</t>
    <phoneticPr fontId="2"/>
  </si>
  <si>
    <t>実　働</t>
    <phoneticPr fontId="2"/>
  </si>
  <si>
    <t>休　息</t>
    <phoneticPr fontId="2"/>
  </si>
  <si>
    <t>休　憩</t>
    <phoneticPr fontId="2"/>
  </si>
  <si>
    <t>＊現在、勤務割りで使用している全ての勤務形態を記入すること。</t>
    <phoneticPr fontId="2"/>
  </si>
  <si>
    <t>労　働　時　間</t>
    <rPh sb="0" eb="1">
      <t>ロウ</t>
    </rPh>
    <rPh sb="2" eb="3">
      <t>ドウ</t>
    </rPh>
    <rPh sb="4" eb="5">
      <t>トキ</t>
    </rPh>
    <rPh sb="6" eb="7">
      <t>アイダ</t>
    </rPh>
    <phoneticPr fontId="2"/>
  </si>
  <si>
    <t>休憩</t>
    <rPh sb="0" eb="2">
      <t>キュウケイ</t>
    </rPh>
    <phoneticPr fontId="2"/>
  </si>
  <si>
    <t>合計
（時間分）</t>
    <rPh sb="0" eb="2">
      <t>ゴウケイ</t>
    </rPh>
    <rPh sb="4" eb="6">
      <t>ジカン</t>
    </rPh>
    <rPh sb="6" eb="7">
      <t>ブン</t>
    </rPh>
    <phoneticPr fontId="2"/>
  </si>
  <si>
    <t>（時）</t>
    <rPh sb="1" eb="2">
      <t>トキ</t>
    </rPh>
    <phoneticPr fontId="2"/>
  </si>
  <si>
    <t>実働</t>
    <rPh sb="0" eb="2">
      <t>ジツドウ</t>
    </rPh>
    <phoneticPr fontId="2"/>
  </si>
  <si>
    <t>休息</t>
    <rPh sb="0" eb="2">
      <t>キュウソク</t>
    </rPh>
    <phoneticPr fontId="2"/>
  </si>
  <si>
    <t>小計</t>
    <rPh sb="0" eb="2">
      <t>ショウケイ</t>
    </rPh>
    <phoneticPr fontId="2"/>
  </si>
  <si>
    <t>時間</t>
    <rPh sb="0" eb="2">
      <t>ジカン</t>
    </rPh>
    <phoneticPr fontId="2"/>
  </si>
  <si>
    <t>（時間分）</t>
    <rPh sb="1" eb="3">
      <t>ジカン</t>
    </rPh>
    <rPh sb="3" eb="4">
      <t>ブン</t>
    </rPh>
    <phoneticPr fontId="2"/>
  </si>
  <si>
    <t>開所時刻</t>
    <rPh sb="0" eb="2">
      <t>カイショ</t>
    </rPh>
    <rPh sb="2" eb="4">
      <t>ジコク</t>
    </rPh>
    <phoneticPr fontId="2"/>
  </si>
  <si>
    <t>閉所時刻</t>
    <rPh sb="0" eb="2">
      <t>ヘイショ</t>
    </rPh>
    <rPh sb="2" eb="4">
      <t>ジコク</t>
    </rPh>
    <phoneticPr fontId="2"/>
  </si>
  <si>
    <t>延長保育終了時刻</t>
    <rPh sb="0" eb="2">
      <t>エンチョウ</t>
    </rPh>
    <rPh sb="2" eb="4">
      <t>ホイク</t>
    </rPh>
    <rPh sb="4" eb="6">
      <t>シュウリョウ</t>
    </rPh>
    <rPh sb="6" eb="8">
      <t>ジコク</t>
    </rPh>
    <phoneticPr fontId="2"/>
  </si>
  <si>
    <t>(　　　　時　　　分)</t>
    <rPh sb="5" eb="6">
      <t>ジ</t>
    </rPh>
    <rPh sb="9" eb="10">
      <t>フン</t>
    </rPh>
    <phoneticPr fontId="2"/>
  </si>
  <si>
    <t>（注）労働時間には、休憩時間は含まれない。</t>
  </si>
  <si>
    <t>※通常保育の開所時刻と閉所時刻を縦線表示するとともに、延長保育を実施している場合はその終了時刻も表示すること。</t>
    <rPh sb="1" eb="3">
      <t>ツウジョウ</t>
    </rPh>
    <rPh sb="3" eb="5">
      <t>ホイク</t>
    </rPh>
    <rPh sb="6" eb="8">
      <t>カイショ</t>
    </rPh>
    <rPh sb="8" eb="10">
      <t>ジコク</t>
    </rPh>
    <rPh sb="11" eb="13">
      <t>ヘイショ</t>
    </rPh>
    <rPh sb="13" eb="15">
      <t>ジコク</t>
    </rPh>
    <rPh sb="16" eb="18">
      <t>タテセン</t>
    </rPh>
    <rPh sb="18" eb="20">
      <t>ヒョウジ</t>
    </rPh>
    <rPh sb="27" eb="29">
      <t>エンチョウ</t>
    </rPh>
    <rPh sb="29" eb="31">
      <t>ホイク</t>
    </rPh>
    <rPh sb="32" eb="34">
      <t>ジッシ</t>
    </rPh>
    <rPh sb="38" eb="40">
      <t>バアイ</t>
    </rPh>
    <rPh sb="43" eb="45">
      <t>シュウリョウ</t>
    </rPh>
    <rPh sb="45" eb="47">
      <t>ジコク</t>
    </rPh>
    <rPh sb="48" eb="50">
      <t>ヒョウジ</t>
    </rPh>
    <phoneticPr fontId="2"/>
  </si>
  <si>
    <t>　（２）労働基準法に基づく整備状況</t>
    <phoneticPr fontId="2"/>
  </si>
  <si>
    <t>（３）就業規則に定める所定労働時間</t>
    <phoneticPr fontId="2"/>
  </si>
  <si>
    <t>　　第２４条関係　　　　　年　　月　　日締結</t>
    <phoneticPr fontId="2"/>
  </si>
  <si>
    <t>　　　　１日　　　時間　　分</t>
    <phoneticPr fontId="2"/>
  </si>
  <si>
    <t>　　第３６条関係　　　　　年　　月　　日締結</t>
    <phoneticPr fontId="2"/>
  </si>
  <si>
    <t>　　　　　　　　　　　　　　　年　　月　　日届出</t>
    <phoneticPr fontId="2"/>
  </si>
  <si>
    <t>（注）２４条関係：控除に関する協定</t>
    <phoneticPr fontId="2"/>
  </si>
  <si>
    <t>　　　３６条関係：時間外・休日労働に関する協定・届出</t>
    <phoneticPr fontId="2"/>
  </si>
  <si>
    <t>４－１　今年度　　月　１か月間の勤務割（常勤職員用）　※就業規則に定める所定労働時間勤務する職員</t>
    <phoneticPr fontId="2"/>
  </si>
  <si>
    <r>
      <t>　＊施設長をはじめとする全職種について作成すること。</t>
    </r>
    <r>
      <rPr>
        <b/>
        <sz val="10"/>
        <color theme="1"/>
        <rFont val="ＭＳ Ｐゴシック"/>
        <family val="3"/>
        <charset val="128"/>
      </rPr>
      <t>（添付資料の職員勤務分担表で確認できる職員については省略可能）</t>
    </r>
    <phoneticPr fontId="2"/>
  </si>
  <si>
    <t>変形労働時間制の採用（</t>
    <phoneticPr fontId="2"/>
  </si>
  <si>
    <t>有　・　無</t>
    <phoneticPr fontId="2"/>
  </si>
  <si>
    <t xml:space="preserve"> ）</t>
    <phoneticPr fontId="2"/>
  </si>
  <si>
    <t>変形期間単位　　（</t>
    <phoneticPr fontId="2"/>
  </si>
  <si>
    <t>職員名</t>
    <rPh sb="0" eb="2">
      <t>ショクイン</t>
    </rPh>
    <rPh sb="2" eb="3">
      <t>メイ</t>
    </rPh>
    <phoneticPr fontId="2"/>
  </si>
  <si>
    <t>日</t>
    <rPh sb="0" eb="1">
      <t>ヒ</t>
    </rPh>
    <phoneticPr fontId="2"/>
  </si>
  <si>
    <t>日　数　計　（回）</t>
    <rPh sb="0" eb="1">
      <t>ヒ</t>
    </rPh>
    <rPh sb="2" eb="3">
      <t>カズ</t>
    </rPh>
    <rPh sb="4" eb="5">
      <t>ケイ</t>
    </rPh>
    <rPh sb="7" eb="8">
      <t>カイ</t>
    </rPh>
    <phoneticPr fontId="2"/>
  </si>
  <si>
    <t>時
間
計</t>
    <phoneticPr fontId="2"/>
  </si>
  <si>
    <t>1 週
平均
勤務
時間</t>
    <phoneticPr fontId="2"/>
  </si>
  <si>
    <t>曜 日</t>
    <rPh sb="0" eb="1">
      <t>ヨウ</t>
    </rPh>
    <rPh sb="2" eb="3">
      <t>ニチ</t>
    </rPh>
    <phoneticPr fontId="2"/>
  </si>
  <si>
    <t>Ａ</t>
    <phoneticPr fontId="2"/>
  </si>
  <si>
    <t>Ｂ</t>
    <phoneticPr fontId="2"/>
  </si>
  <si>
    <t>Ｃ</t>
    <phoneticPr fontId="2"/>
  </si>
  <si>
    <t>Ｄ</t>
    <phoneticPr fontId="2"/>
  </si>
  <si>
    <t>Ｅ</t>
    <phoneticPr fontId="2"/>
  </si>
  <si>
    <t>Ｆ</t>
    <phoneticPr fontId="2"/>
  </si>
  <si>
    <t>Ｇ</t>
    <phoneticPr fontId="2"/>
  </si>
  <si>
    <t>Ｈ</t>
    <phoneticPr fontId="2"/>
  </si>
  <si>
    <t>人　　数　　計</t>
    <rPh sb="0" eb="1">
      <t>ヒト</t>
    </rPh>
    <rPh sb="3" eb="4">
      <t>カズ</t>
    </rPh>
    <rPh sb="6" eb="7">
      <t>ケイ</t>
    </rPh>
    <phoneticPr fontId="2"/>
  </si>
  <si>
    <t>　勤務形態名（勤務形態名は実態の名称に書換可）
　　※短時間勤務を含め、全て記入すること。</t>
    <phoneticPr fontId="2"/>
  </si>
  <si>
    <t>　Ａ　勤　務（　　　 　時　　　分　～　　　　時　　　分　)
　Ｂ　勤　務（　　　 　時　　　分　～　　　　時　　　分　)</t>
    <phoneticPr fontId="2"/>
  </si>
  <si>
    <t>　Ｃ　勤　務（　　　 　時　　　分　～　　　　時　　　分　)
　Ｄ　勤　務（　　　 　時　　　分　～　　　　時　　　分　)</t>
    <phoneticPr fontId="2"/>
  </si>
  <si>
    <t xml:space="preserve">  Ｅ　勤　務（　　　　 時　　　分　～　　　　時　　　分　)
  Ｆ　勤　務（　　　 　時　　　分　～　　　　時　　　分　)</t>
    <phoneticPr fontId="2"/>
  </si>
  <si>
    <t xml:space="preserve">  Ｇ　勤　務（　　　　 時　　　分　～　　　　時　　　分　)
  Ｈ　勤　務（　　　　 時　　　分　～　　　　時　　　分　)</t>
    <phoneticPr fontId="2"/>
  </si>
  <si>
    <t xml:space="preserve">  休　公　休</t>
    <phoneticPr fontId="2"/>
  </si>
  <si>
    <t>（注）１　自主点検表作成直近前月の勤務実績で記入すること。</t>
  </si>
  <si>
    <t>　　　２　１か月勤務時間合計について、１時間未満が生じた場合は、「分」数を60分で除した時間とし、小数点第3位を四捨五入すること。</t>
    <phoneticPr fontId="2"/>
  </si>
  <si>
    <r>
      <t>　　　　</t>
    </r>
    <r>
      <rPr>
        <b/>
        <u/>
        <sz val="11"/>
        <color theme="1"/>
        <rFont val="ＭＳ Ｐゴシック"/>
        <family val="3"/>
        <charset val="128"/>
      </rPr>
      <t>※保育幼稚園課へ提出した直近の「職員勤務分担表」の写しを添付してください。</t>
    </r>
    <phoneticPr fontId="2"/>
  </si>
  <si>
    <t>４－２　今年度　　月　１か月間の勤務割（非常勤職員用）　※就業規則に定める所定労働時間に満たない労働時間勤務する職員</t>
    <rPh sb="20" eb="21">
      <t>ヒ</t>
    </rPh>
    <rPh sb="44" eb="45">
      <t>ミ</t>
    </rPh>
    <rPh sb="48" eb="50">
      <t>ロウドウ</t>
    </rPh>
    <rPh sb="50" eb="52">
      <t>ジカン</t>
    </rPh>
    <rPh sb="52" eb="54">
      <t>キンム</t>
    </rPh>
    <phoneticPr fontId="2"/>
  </si>
  <si>
    <r>
      <t>　＊全職種について作成すること。</t>
    </r>
    <r>
      <rPr>
        <b/>
        <sz val="10"/>
        <color theme="1"/>
        <rFont val="ＭＳ Ｐゴシック"/>
        <family val="3"/>
        <charset val="128"/>
      </rPr>
      <t>（添付資料の職員勤務分担表で確認できる職員については省略可能）</t>
    </r>
    <phoneticPr fontId="2"/>
  </si>
  <si>
    <t>　有　・　無　</t>
    <phoneticPr fontId="2"/>
  </si>
  <si>
    <t>　Ｅ　勤　務（　　　　 時　　　分　～　　　　時　　　分　)
　Ｆ　勤　務（　　　 　時　　　分　～　　　　時　　　分　)</t>
    <phoneticPr fontId="2"/>
  </si>
  <si>
    <t>　Ｇ　勤　務（　　　　 時　　　分　～　　　　時　　　分　)
　Ｈ　勤　務（　　　　 時　　　分　～　　　　時　　　分　)</t>
    <phoneticPr fontId="2"/>
  </si>
  <si>
    <t xml:space="preserve">　休　公　休
</t>
    <phoneticPr fontId="2"/>
  </si>
  <si>
    <t>主眼項目</t>
    <rPh sb="0" eb="2">
      <t>シュガン</t>
    </rPh>
    <rPh sb="2" eb="4">
      <t>コウモク</t>
    </rPh>
    <phoneticPr fontId="4"/>
  </si>
  <si>
    <t>着眼点</t>
    <rPh sb="0" eb="3">
      <t>チャクガンテン</t>
    </rPh>
    <phoneticPr fontId="2"/>
  </si>
  <si>
    <t>自己評価</t>
    <rPh sb="0" eb="2">
      <t>ジコ</t>
    </rPh>
    <rPh sb="2" eb="4">
      <t>ヒョウカ</t>
    </rPh>
    <phoneticPr fontId="4"/>
  </si>
  <si>
    <t>チェックポイント</t>
    <phoneticPr fontId="4" type="Hiragana" alignment="distributed"/>
  </si>
  <si>
    <t>関係資料</t>
    <phoneticPr fontId="4"/>
  </si>
  <si>
    <t>根拠法令</t>
    <phoneticPr fontId="4"/>
  </si>
  <si>
    <t>特記事項</t>
    <phoneticPr fontId="4"/>
  </si>
  <si>
    <t>市記入欄</t>
    <rPh sb="0" eb="1">
      <t>し</t>
    </rPh>
    <rPh sb="1" eb="3">
      <t>きにゅう</t>
    </rPh>
    <rPh sb="3" eb="4">
      <t>らん</t>
    </rPh>
    <phoneticPr fontId="4" type="Hiragana" alignment="distributed"/>
  </si>
  <si>
    <t>いる</t>
    <phoneticPr fontId="4"/>
  </si>
  <si>
    <t>いない</t>
    <phoneticPr fontId="4"/>
  </si>
  <si>
    <t>非該当</t>
    <rPh sb="0" eb="3">
      <t>ヒガイトウ</t>
    </rPh>
    <phoneticPr fontId="2"/>
  </si>
  <si>
    <t>適</t>
    <rPh sb="0" eb="1">
      <t>テキ</t>
    </rPh>
    <phoneticPr fontId="4"/>
  </si>
  <si>
    <t>不適</t>
    <rPh sb="0" eb="2">
      <t>フテキ</t>
    </rPh>
    <phoneticPr fontId="4"/>
  </si>
  <si>
    <t>ある</t>
    <phoneticPr fontId="4"/>
  </si>
  <si>
    <t>ない</t>
    <phoneticPr fontId="4"/>
  </si>
  <si>
    <t>Ⅰ　児童処遇</t>
    <rPh sb="2" eb="4">
      <t>ジドウ</t>
    </rPh>
    <rPh sb="4" eb="6">
      <t>ショグウ</t>
    </rPh>
    <phoneticPr fontId="2"/>
  </si>
  <si>
    <t>１　職員体制</t>
    <rPh sb="2" eb="4">
      <t>ショクイン</t>
    </rPh>
    <rPh sb="4" eb="6">
      <t>タイセイ</t>
    </rPh>
    <phoneticPr fontId="2"/>
  </si>
  <si>
    <t>（１）管理者は、管理者としての要件を有しているか。</t>
    <rPh sb="3" eb="6">
      <t>カンリシャ</t>
    </rPh>
    <rPh sb="8" eb="11">
      <t>カンリシャ</t>
    </rPh>
    <phoneticPr fontId="2"/>
  </si>
  <si>
    <t>□</t>
  </si>
  <si>
    <t>◎特定教育・保育等に要する
　 費用の額の算定に関する
   基準等の実施上の留意事
   項について（令和5年5月19
   日こ成保38、5文科初第483
   号）</t>
    <phoneticPr fontId="2"/>
  </si>
  <si>
    <t>（２）管理者は、その職務に専念するため、専任となっているか。</t>
    <rPh sb="3" eb="6">
      <t>カンリシャ</t>
    </rPh>
    <phoneticPr fontId="2"/>
  </si>
  <si>
    <t>◎保育所保育指針第5章－2</t>
    <phoneticPr fontId="2"/>
  </si>
  <si>
    <t>（３）管理者を変更する場合、あらかじめ市長に届け出ているか。</t>
    <rPh sb="3" eb="6">
      <t>カンリシャ</t>
    </rPh>
    <phoneticPr fontId="2"/>
  </si>
  <si>
    <t>□変更届</t>
    <phoneticPr fontId="2"/>
  </si>
  <si>
    <t>◎児童福祉法施行規則第37
 　条第6項</t>
    <phoneticPr fontId="2"/>
  </si>
  <si>
    <t>（４）管理者は、施設の実態を把握し、適切な運営を行い、それらに係わる関係諸帳簿、日誌
　類の決裁は確実に行っているか。</t>
    <rPh sb="3" eb="6">
      <t>カンリシャ</t>
    </rPh>
    <phoneticPr fontId="2"/>
  </si>
  <si>
    <t>（５）管理者は、国等が行う研修会に積極的に参加するなど資質向上に努めているか。</t>
    <rPh sb="3" eb="6">
      <t>カンリシャ</t>
    </rPh>
    <phoneticPr fontId="2"/>
  </si>
  <si>
    <t>◎経理等通知1-(2)-⑥</t>
    <phoneticPr fontId="2"/>
  </si>
  <si>
    <t>（６）最低基準上の必要保育士数を満たしているか。</t>
    <phoneticPr fontId="2"/>
  </si>
  <si>
    <t>　　　ア　常勤の保育士に代えて非常勤の保育士を充てる場合の当該非常勤の保育士の合
　　　　計勤務時間数は、就業規則に定める常勤の保育士の勤務時間数を上回っているか。</t>
    <phoneticPr fontId="2"/>
  </si>
  <si>
    <t>【常勤換算方法】
非常勤の保育士全員の1か月の労働時間÷就業規則で定める常勤職員の1か月の労働時間</t>
    <phoneticPr fontId="2"/>
  </si>
  <si>
    <t>◎保育所等における常勤保
　 育士及び短時間保育士の
　 定義について（令和5年4月
　 21日こ成保21）</t>
    <phoneticPr fontId="2"/>
  </si>
  <si>
    <t>　　　イ　短時間勤務の保育士を充てている場合は、常勤の保育士を各組や各グループに１
　　　　人以上配置しているか。</t>
    <phoneticPr fontId="2"/>
  </si>
  <si>
    <t>◎鹿児島市家庭的保育事業
　 等の設備及び運営の基準
   に関する条例第30条、付則
   第7～10項
◎延長保育事業の実施につ
　 いて（平成27年7月17日
 　雇児発0717第10号）等</t>
    <rPh sb="5" eb="8">
      <t>カテイテキ</t>
    </rPh>
    <rPh sb="8" eb="10">
      <t>ホイク</t>
    </rPh>
    <rPh sb="10" eb="12">
      <t>ジギョウ</t>
    </rPh>
    <rPh sb="15" eb="16">
      <t>トウ</t>
    </rPh>
    <rPh sb="52" eb="53">
      <t>コウ</t>
    </rPh>
    <phoneticPr fontId="2"/>
  </si>
  <si>
    <t>　　　オ　調理員等は、配置されているか。</t>
    <phoneticPr fontId="2"/>
  </si>
  <si>
    <t>◎鹿児島市家庭的保育事業
　 等の設備及び運営の基準
   に関する条例第30条
◎特定教育・保育等に要する
　 費用の額の算定に関する
   基準等の実施上の留意事
   項について（令和5年5月19
   日こ成保38、5文科初第483
   号）</t>
    <rPh sb="5" eb="8">
      <t>カテイテキ</t>
    </rPh>
    <phoneticPr fontId="2"/>
  </si>
  <si>
    <t>　　　カ　保育士は、保育士登録を受けているか。</t>
    <phoneticPr fontId="2"/>
  </si>
  <si>
    <t>□保育士証（写）</t>
    <phoneticPr fontId="2"/>
  </si>
  <si>
    <t>◎児童福祉法第18条の18
◎保育士登録の円滑な実施
　 について（平成15年12月1日
　 雇児発第1201001号）
◎保育士登録の取扱いにつ
　 いて（平成15年12月1日雇
   児保発第1201001号）</t>
    <phoneticPr fontId="2"/>
  </si>
  <si>
    <t>　　　キ　保育士として配置している職員は、所定の資格を有しているか。</t>
    <phoneticPr fontId="2"/>
  </si>
  <si>
    <t>◎鹿児島市家庭的保育事業
　 等の設備及び運営の基準
   に関する条例第30条</t>
    <rPh sb="5" eb="8">
      <t>カテイテキ</t>
    </rPh>
    <rPh sb="8" eb="10">
      <t>ホイク</t>
    </rPh>
    <rPh sb="10" eb="12">
      <t>ジギョウ</t>
    </rPh>
    <rPh sb="15" eb="16">
      <t>トウ</t>
    </rPh>
    <rPh sb="36" eb="37">
      <t>ダイ</t>
    </rPh>
    <rPh sb="39" eb="40">
      <t>ジョウ</t>
    </rPh>
    <phoneticPr fontId="2"/>
  </si>
  <si>
    <t>２　小規模保育事業
　所の状況
　(１)定員管理</t>
    <rPh sb="2" eb="5">
      <t>ショウキボ</t>
    </rPh>
    <rPh sb="5" eb="7">
      <t>ホイク</t>
    </rPh>
    <rPh sb="7" eb="9">
      <t>ジギョウ</t>
    </rPh>
    <rPh sb="11" eb="12">
      <t>ショ</t>
    </rPh>
    <phoneticPr fontId="2"/>
  </si>
  <si>
    <t>（１）定員超過があるか。</t>
    <phoneticPr fontId="2"/>
  </si>
  <si>
    <t>（２）前回監査以降、利用定員の変更又は変更予定があるか。
　　「ある」場合はその時期と変更後の利用定員を記載すること。
　　　（変更時期：令和　　年　　月　　日　　利用定員：　　　　人）</t>
    <phoneticPr fontId="2"/>
  </si>
  <si>
    <t>　(２)保育方針・計画</t>
    <phoneticPr fontId="2"/>
  </si>
  <si>
    <t>□全体的な計画
□指導計画（長期・短期）</t>
    <phoneticPr fontId="2"/>
  </si>
  <si>
    <t>◎保育所保育指針
　 第1章
◎保育所保育指針
　 第1章－3－(1)、（2）</t>
    <phoneticPr fontId="2"/>
  </si>
  <si>
    <t>◎保育所保育指針
 　第1章－3－(2)、
 　第1章－3－(4)</t>
    <phoneticPr fontId="2"/>
  </si>
  <si>
    <t>□個別指導計画
   （3歳未満児）（障害児）</t>
    <phoneticPr fontId="2"/>
  </si>
  <si>
    <t>◎保育所保育指針
　 第1章－3－(2)-イ</t>
    <phoneticPr fontId="2"/>
  </si>
  <si>
    <t>　　また、指導計画に対する保育士等の自己評価を行っているか。</t>
    <phoneticPr fontId="2"/>
  </si>
  <si>
    <t>（５）食事の提供を含む食育の計画を作成しているか。</t>
    <phoneticPr fontId="2"/>
  </si>
  <si>
    <t>□食育計画</t>
    <phoneticPr fontId="2"/>
  </si>
  <si>
    <t>　　また、その評価を行っているか。</t>
    <phoneticPr fontId="2"/>
  </si>
  <si>
    <t>（６）年間の行事計画（事業計画）は、日常の保育と調和のとれたものとなっているか。</t>
    <phoneticPr fontId="2"/>
  </si>
  <si>
    <t>　(３)保育の記録</t>
    <phoneticPr fontId="2"/>
  </si>
  <si>
    <t xml:space="preserve">（１）児童票等が適正に整備されているか。
　　　・保護者等家族欄の記載　　　　・緊急連絡先（２カ所以上）
　　　・かかりつけの医師　　　　　　 　・疾病の記録（アレルギー等）
　　　・健康診断の記録　　　　　　 　　・身体測定の記録　
　　　・保育経過の記載　　　　　　 　　・その他
</t>
    <phoneticPr fontId="2"/>
  </si>
  <si>
    <t xml:space="preserve">○家庭的保育事業所等には、職員、財産、収支
   及び利用乳幼児の処遇の状況を明らかにす
   る帳簿を整備しておかなければならない。
</t>
    <rPh sb="1" eb="4">
      <t>カテイテキ</t>
    </rPh>
    <rPh sb="4" eb="6">
      <t>ホイク</t>
    </rPh>
    <rPh sb="6" eb="9">
      <t>ジギョウショ</t>
    </rPh>
    <rPh sb="9" eb="10">
      <t>トウ</t>
    </rPh>
    <phoneticPr fontId="2"/>
  </si>
  <si>
    <t>□児童票</t>
    <phoneticPr fontId="2"/>
  </si>
  <si>
    <t>◎鹿児島市家庭的保育事業
　 等の設備及び運営の基準
   に関する条例第20条</t>
    <rPh sb="5" eb="8">
      <t>カテイテキ</t>
    </rPh>
    <rPh sb="8" eb="10">
      <t>ホイク</t>
    </rPh>
    <rPh sb="10" eb="12">
      <t>ジギョウ</t>
    </rPh>
    <rPh sb="15" eb="16">
      <t>トウ</t>
    </rPh>
    <phoneticPr fontId="2"/>
  </si>
  <si>
    <t>（２）保育日誌等が適正に整備されているか。
　　　・保育日誌　　　　　　　　　　・児童出席簿　
　　　・事故欠、 病欠の別　　　　・その他（　　　　　　　　　　　　　　　）</t>
    <phoneticPr fontId="2"/>
  </si>
  <si>
    <t>□保育日誌
□児童出席簿</t>
    <phoneticPr fontId="2"/>
  </si>
  <si>
    <t>◎保育所保育指針
 　第3章－1－(1)</t>
    <phoneticPr fontId="2"/>
  </si>
  <si>
    <t>　(４)保護者・地域と
　　の連携</t>
    <phoneticPr fontId="2"/>
  </si>
  <si>
    <t>（１）保護者との連絡は適正に行われているか。（該当するものを○で囲むこと）
　　ア　日々の連絡
　　　乳児：　連絡帳　・　掲示板　・　口頭　・　その他（　　　　　　）
　　　幼児：　連絡帳　・　掲示板　・　口頭　・　その他（　　　　　　）
　　イ　園だより等
　　　・園だより　　（　　　　回発行　/　週　・　月　）
　　　・クラスだより（　　　　回発行　/　週　・　月　）
　　　・ホームページ（　有　・　無　）
　　ウ　懇談会等における支援
　　　　（　）保育参観　　（　）懇談会
　　　　（　）保護者会　　（　）その他（　　　　　　　　　　　　　　　）</t>
    <phoneticPr fontId="2"/>
  </si>
  <si>
    <t>◎鹿児島市家庭的保育事業
　 等の設備及び運営の基準
　 に関する条例第27条
◎保育所保育指針
　 第3章－1－(1)－イ
◎保育所保育指針
　 第4章－2－(1)－ア</t>
    <rPh sb="5" eb="8">
      <t>カテイテキ</t>
    </rPh>
    <rPh sb="8" eb="10">
      <t>ホイク</t>
    </rPh>
    <rPh sb="10" eb="12">
      <t>ジギョウ</t>
    </rPh>
    <rPh sb="15" eb="16">
      <t>ナド</t>
    </rPh>
    <rPh sb="17" eb="19">
      <t>セツビ</t>
    </rPh>
    <rPh sb="33" eb="35">
      <t>ジョウレイ</t>
    </rPh>
    <phoneticPr fontId="2"/>
  </si>
  <si>
    <t>（２）地域との連携が深められているか。
　　　連携の内容</t>
    <rPh sb="24" eb="26">
      <t>レンケイ</t>
    </rPh>
    <rPh sb="27" eb="29">
      <t>ナイヨウ</t>
    </rPh>
    <phoneticPr fontId="2"/>
  </si>
  <si>
    <t>　(５)児童の権利擁
　　護及び虐待や心
　　身に有害な影響
　　を与える行為へ
　　の対応</t>
    <phoneticPr fontId="2"/>
  </si>
  <si>
    <t>□職員研修簿　等</t>
    <phoneticPr fontId="2"/>
  </si>
  <si>
    <t>　　イ　「いない」の場合、今後、実施の予定があるか。
　　　　（令和　　　年　　　月頃予定）</t>
    <phoneticPr fontId="2"/>
  </si>
  <si>
    <t>　　ウ　上記イで「ない」の場合、理由を記載すること。</t>
    <phoneticPr fontId="2"/>
  </si>
  <si>
    <t>◎鹿児島市家庭的保育事業
　 等の設備及び運営の基準
   に関する条例第13条</t>
    <phoneticPr fontId="2"/>
  </si>
  <si>
    <t>　　また、発生時の対応に関する措置を講じているか。</t>
    <phoneticPr fontId="2"/>
  </si>
  <si>
    <t>◎保育所保育指針
　第3章－1－(1)－イ、ウ
　第4章－2－(3)－イ
◎児童虐待防止等に関する
　法律第5条、第6条</t>
    <phoneticPr fontId="2"/>
  </si>
  <si>
    <t>◎保育所保育指針
　 第4章－2－(3)－イ
◎保育所保育指針
   第1章－1－(5)－ウ</t>
    <phoneticPr fontId="2"/>
  </si>
  <si>
    <t>　(６)健康管理の状
　　況</t>
    <phoneticPr fontId="2"/>
  </si>
  <si>
    <t>□保健計画</t>
    <phoneticPr fontId="2"/>
  </si>
  <si>
    <t xml:space="preserve">◎保育所保育指針
　 第3章－1－(2)－ア
</t>
    <phoneticPr fontId="2"/>
  </si>
  <si>
    <t>（２）医師（嘱託医）は置かれているか。
　　医師（嘱託医）の契約状況を記入すること。</t>
    <rPh sb="23" eb="25">
      <t>イシ</t>
    </rPh>
    <rPh sb="26" eb="28">
      <t>ショクタク</t>
    </rPh>
    <rPh sb="28" eb="29">
      <t>イ</t>
    </rPh>
    <rPh sb="31" eb="33">
      <t>ケイヤク</t>
    </rPh>
    <rPh sb="33" eb="35">
      <t>ジョウキョウ</t>
    </rPh>
    <rPh sb="36" eb="38">
      <t>キニュウ</t>
    </rPh>
    <phoneticPr fontId="2"/>
  </si>
  <si>
    <t>□委託契約書</t>
    <rPh sb="1" eb="3">
      <t>イタク</t>
    </rPh>
    <rPh sb="3" eb="6">
      <t>ケイヤクショ</t>
    </rPh>
    <phoneticPr fontId="2"/>
  </si>
  <si>
    <t>（３）入所時及び定期健康診断（健康診断年２回以上、歯科検診年１回以上）は、適切に行わ
　れているか。</t>
    <phoneticPr fontId="2"/>
  </si>
  <si>
    <t>□健康診断票</t>
    <phoneticPr fontId="2"/>
  </si>
  <si>
    <t>◎鹿児島市家庭的保育事業
　 等の設備及び運営の基準
   に関する条例第18条
◎学校保健安全法第11条、
　 第13条</t>
    <rPh sb="5" eb="8">
      <t>カテイテキ</t>
    </rPh>
    <rPh sb="8" eb="10">
      <t>ホイク</t>
    </rPh>
    <rPh sb="10" eb="12">
      <t>ジギョウ</t>
    </rPh>
    <rPh sb="15" eb="16">
      <t>トウ</t>
    </rPh>
    <rPh sb="43" eb="50">
      <t>ガッコウホケンアンゼンホウ</t>
    </rPh>
    <rPh sb="50" eb="51">
      <t>ダイ</t>
    </rPh>
    <rPh sb="53" eb="54">
      <t>ジョウ</t>
    </rPh>
    <rPh sb="58" eb="59">
      <t>ダイ</t>
    </rPh>
    <rPh sb="61" eb="62">
      <t>ジョウ</t>
    </rPh>
    <phoneticPr fontId="2"/>
  </si>
  <si>
    <t>　　また、１回目は、６月３０日までに実施しているか。</t>
    <phoneticPr fontId="2"/>
  </si>
  <si>
    <t>◎学校保健安全法施行規則
 　第5条、第6条</t>
    <phoneticPr fontId="2"/>
  </si>
  <si>
    <t>（４）検診結果の記録・整理・保管は適切に行われているか。</t>
    <phoneticPr fontId="2"/>
  </si>
  <si>
    <t>（６）検診結果、異常の場合の対応策を記載すること。</t>
    <phoneticPr fontId="2"/>
  </si>
  <si>
    <t>（７）アレルギー疾患への対応は、保護者との連携を密にして行われているか。</t>
    <phoneticPr fontId="2"/>
  </si>
  <si>
    <t xml:space="preserve">◎保育所保育指針解説
　 第3章－1－(3)－③
◎アレルギー疾患対策基本
   法第9条
</t>
    <phoneticPr fontId="2"/>
  </si>
  <si>
    <t>（８）医薬品は常備しているか。</t>
    <phoneticPr fontId="2"/>
  </si>
  <si>
    <t>◎鹿児島市家庭的保育事業
　 等の設備及び運営の基準
   に関する条例第15条第3項</t>
    <rPh sb="40" eb="41">
      <t>ダイ</t>
    </rPh>
    <rPh sb="42" eb="43">
      <t>コウ</t>
    </rPh>
    <phoneticPr fontId="2"/>
  </si>
  <si>
    <t>　　また、使用期限の確認をするなど管理が適正にされているか。</t>
    <phoneticPr fontId="2"/>
  </si>
  <si>
    <t>（９）保護者から薬の預かりがあるか。</t>
    <phoneticPr fontId="2"/>
  </si>
  <si>
    <t>◎保育所保育指針解説
　 第3章－1－(3) －⑤</t>
    <phoneticPr fontId="2"/>
  </si>
  <si>
    <t>　　「ある」の場合、与薬依頼書等を徴しているか。</t>
    <phoneticPr fontId="2"/>
  </si>
  <si>
    <t>　(７)開所時間及び
　　一斉休園</t>
    <phoneticPr fontId="2"/>
  </si>
  <si>
    <t>（１）開所時間は、適正に設定されているか。</t>
    <phoneticPr fontId="2"/>
  </si>
  <si>
    <t>◎鹿児島市家庭的保育事業
　 等の設備及び運営の基準
   に関する条例第25条</t>
    <phoneticPr fontId="2"/>
  </si>
  <si>
    <t>（２）管理規程（保育規則）等に定める休園日（年末年始、日、祝日）以外に一斉休園を実施し
　たことがあるか。</t>
    <phoneticPr fontId="2"/>
  </si>
  <si>
    <t>◎児童福祉法第39条</t>
    <phoneticPr fontId="2"/>
  </si>
  <si>
    <t>　　「ある」の場合、年末年始、日、祝日以外の休園日を記載すること。</t>
    <rPh sb="10" eb="12">
      <t>ネンマツ</t>
    </rPh>
    <rPh sb="12" eb="14">
      <t>ネンシ</t>
    </rPh>
    <rPh sb="15" eb="16">
      <t>ヒ</t>
    </rPh>
    <rPh sb="17" eb="19">
      <t>シュクジツ</t>
    </rPh>
    <rPh sb="19" eb="21">
      <t>イガイ</t>
    </rPh>
    <rPh sb="22" eb="25">
      <t>キュウエンビ</t>
    </rPh>
    <rPh sb="26" eb="28">
      <t>キサイ</t>
    </rPh>
    <phoneticPr fontId="2"/>
  </si>
  <si>
    <t>　(８)他の社会福祉
　　施設との併設</t>
    <phoneticPr fontId="2"/>
  </si>
  <si>
    <t>◎鹿児島市家庭的保育事業
　 等の設備及び運営の基準
   に関する条例第11条</t>
    <rPh sb="5" eb="8">
      <t>カテイテキ</t>
    </rPh>
    <rPh sb="8" eb="10">
      <t>ホイク</t>
    </rPh>
    <rPh sb="10" eb="12">
      <t>ジギョウ</t>
    </rPh>
    <rPh sb="15" eb="16">
      <t>トウ</t>
    </rPh>
    <phoneticPr fontId="2"/>
  </si>
  <si>
    <t>３　施設整備</t>
    <phoneticPr fontId="2"/>
  </si>
  <si>
    <t>（１）建物等の規模及び構造に変更がある場合、承認を受けているか。</t>
    <phoneticPr fontId="2"/>
  </si>
  <si>
    <t>□変更届　等</t>
    <phoneticPr fontId="2"/>
  </si>
  <si>
    <t>◎児童福祉法施行規則
   第37条第4項、第6項
◎鹿児島市家庭的保育事業
　 等の設備及び運営の基準
   に関する条例第29条第1号
　 、第4号</t>
    <rPh sb="32" eb="35">
      <t>カテイテキ</t>
    </rPh>
    <rPh sb="35" eb="37">
      <t>ホイク</t>
    </rPh>
    <rPh sb="37" eb="39">
      <t>ジギョウ</t>
    </rPh>
    <rPh sb="42" eb="43">
      <t>トウ</t>
    </rPh>
    <rPh sb="67" eb="68">
      <t>ダイ</t>
    </rPh>
    <rPh sb="69" eb="70">
      <t>ゴウ</t>
    </rPh>
    <rPh sb="74" eb="75">
      <t>ダイ</t>
    </rPh>
    <rPh sb="76" eb="77">
      <t>ゴウ</t>
    </rPh>
    <phoneticPr fontId="2"/>
  </si>
  <si>
    <t>○保育室等を2階、3階に設ける建物は、別途
　 要件がある。</t>
    <phoneticPr fontId="2"/>
  </si>
  <si>
    <t>◎鹿児島市家庭的保育事業
　 等の設備及び運営の基準
   に関する条例第29条第7号</t>
    <phoneticPr fontId="2"/>
  </si>
  <si>
    <t>　　ア　耐火建築物であるか。</t>
    <phoneticPr fontId="2"/>
  </si>
  <si>
    <t>　　イ　傾斜路、これに準ずるもの、又は屋外階段があるか。</t>
  </si>
  <si>
    <t>　　ウ　転落事故防止設備はあるか。</t>
  </si>
  <si>
    <t>４　給食の実施状況</t>
    <phoneticPr fontId="2"/>
  </si>
  <si>
    <t>□検食日誌
□給食日誌</t>
    <phoneticPr fontId="2"/>
  </si>
  <si>
    <t>◎保育所保育指針
　 第3章－2－(2)
◎社会福祉施設における給食
　 の検食について（平成7年6
　 月19日福政第238号鹿児島
　 県県民福祉部長通知）
◎社会福祉施設における衛生
　 管理について（平成9年3月
　 31日社援施第65号）
◎大量調理施設衛生管理マ
　 ニュアル（平成9年3月24日
 　衛食第85号別添）</t>
    <phoneticPr fontId="2"/>
  </si>
  <si>
    <t>（２）給食会議を開催しているか。
　　「いる」の場合、前年度の状況を記入すること。</t>
    <rPh sb="28" eb="31">
      <t>ゼンネンド</t>
    </rPh>
    <phoneticPr fontId="2"/>
  </si>
  <si>
    <t>□給食会議録</t>
    <phoneticPr fontId="2"/>
  </si>
  <si>
    <t>◎児童福祉施設における食
   事の提供に関する援助及
   び指導について
   （令和2年3月31日子発0331
   第１号、障発0331第8号）
◎児童福祉施設における「食
　 事摂取基準」を活用した食
　 事計画について（令和2年
　 3月31日子母発0331第1号）</t>
    <phoneticPr fontId="2"/>
  </si>
  <si>
    <t>（３）給食関係の調査を実施しているか。
　　「いる」の場合、調査状況等を記入すること。　</t>
    <rPh sb="31" eb="33">
      <t>チョウサ</t>
    </rPh>
    <rPh sb="35" eb="36">
      <t>トウ</t>
    </rPh>
    <phoneticPr fontId="2"/>
  </si>
  <si>
    <t>○年1回以上は嗜好調査を実施することが望ま
　 しい。
○調査結果を記録（集約、分析）していること。
○嗜好・喫食調査（残食人員、理由等の実態記
　 録）結果を献立の作成等に反映させること。
○子どもの栄養状態や摂食量、残食量等の把
　 握により、給与栄養量の目標の達成度を評価
　 し、その後の食事計画の改善に努めること。</t>
    <phoneticPr fontId="2"/>
  </si>
  <si>
    <t>□嗜好調査記録
□喫食調査記録
□献立表</t>
    <phoneticPr fontId="2"/>
  </si>
  <si>
    <t>◎健康増進法施行規則第9条
◎保育所における食事の提供
　 ガイドライン
　 （厚生労働省平成24年3月）</t>
    <phoneticPr fontId="2"/>
  </si>
  <si>
    <t>◎「保育所におけるアレルギ
　 ー対応ガイドライン」につい
　 て（平成23年3月17日雇児
　 保発0317第1号）
◎保育所におけるアレルギー
　 対応ガイドライン(2019年改
　 訂版)</t>
    <phoneticPr fontId="2"/>
  </si>
  <si>
    <t>□献立表</t>
    <phoneticPr fontId="2"/>
  </si>
  <si>
    <t>◎鹿児島市家庭的保育事業
　 等の設備及び運営の基準
   に関する条例第16条第2項</t>
    <rPh sb="5" eb="8">
      <t>カテイテキ</t>
    </rPh>
    <rPh sb="8" eb="10">
      <t>ホイク</t>
    </rPh>
    <rPh sb="10" eb="12">
      <t>ジギョウ</t>
    </rPh>
    <rPh sb="15" eb="16">
      <t>トウ</t>
    </rPh>
    <rPh sb="40" eb="41">
      <t>ダイ</t>
    </rPh>
    <rPh sb="42" eb="43">
      <t>コウ</t>
    </rPh>
    <phoneticPr fontId="2"/>
  </si>
  <si>
    <t>◎児童福祉施設における「食
　 事摂取基準」を活用した食
　 事計画について
　 （令和2年3月31日子母発
　 0331第1号）</t>
    <phoneticPr fontId="2"/>
  </si>
  <si>
    <t>◎児童福祉施設における食
   事の提供に関する援助及
   び指導について
　 （令和2年3月31日子発0331
 　第１号、障発0331第8号）</t>
    <phoneticPr fontId="2"/>
  </si>
  <si>
    <t>○年齢に応じて適切に設定されているか。</t>
    <phoneticPr fontId="2"/>
  </si>
  <si>
    <t>◎保育所における食を通じた
　 子どもの健全育成（いわゆ
　 る「食育」）に関する取組の
　 推進について（平成16年3
   月29日雇児保発第0329001
   号）</t>
    <phoneticPr fontId="2"/>
  </si>
  <si>
    <t>５　給食材料等</t>
    <phoneticPr fontId="2"/>
  </si>
  <si>
    <t>（１）給食材料等の購入及び保管は適切に行われているか。</t>
    <phoneticPr fontId="2"/>
  </si>
  <si>
    <t>□検収の記録簿
□食品納入伝票類
□食品受払簿</t>
    <phoneticPr fontId="2"/>
  </si>
  <si>
    <t>◎社会福祉施設における衛生
　 管理について（平成9年3月
　 31日社援施第65号）
◎大量調理施設衛生管理マ
　 ニュアル（平成9年3月24日
　 衛食第85号別添）
◎関税暫定措置法施行令第
　 33条第5項</t>
    <phoneticPr fontId="2"/>
  </si>
  <si>
    <t>（２）冷凍母乳による母乳育児を希望する保護者がいるか。</t>
  </si>
  <si>
    <t>　　　「いる」の場合、衛生に十分に配慮しているか｡</t>
  </si>
  <si>
    <t>○冷凍母乳を取扱う際は、衛生に十分配慮す
　 ること。</t>
    <phoneticPr fontId="2"/>
  </si>
  <si>
    <t>◎保育所保育指針解説
　 第3章－3－(1)</t>
    <phoneticPr fontId="2"/>
  </si>
  <si>
    <t>６　保健衛生管理体
　制
　(１)感染症・食中毒
　　対策対応</t>
    <phoneticPr fontId="2"/>
  </si>
  <si>
    <t>（１）感染症・食中毒対策が適切に行われているか。</t>
    <phoneticPr fontId="2"/>
  </si>
  <si>
    <t>○感染症又は食中毒が発生し、又はまん延し
　 ないように、職員に対し、感染症及び食中毒
　 の予防及びまん延の防止のための研修並び
　 に感染症の予防及びまん延の防止のための
　 訓練を定期的に実施するよう努めなければな
　 らない。
○感染症もしくは食中毒の発生又は生じたとき
　 の有症者の状況やそれぞれに講じた措置等
　 を記録すること。</t>
    <phoneticPr fontId="2"/>
  </si>
  <si>
    <t>◎鹿児島市家庭的保育事業
　 等の設備及び運営の基準
   に関する条例第15条第2項
◎保育所保育指針
　 第3章－3－(1)</t>
    <rPh sb="5" eb="8">
      <t>カテイテキ</t>
    </rPh>
    <rPh sb="8" eb="10">
      <t>ホイク</t>
    </rPh>
    <rPh sb="10" eb="12">
      <t>ジギョウ</t>
    </rPh>
    <rPh sb="15" eb="16">
      <t>トウ</t>
    </rPh>
    <rPh sb="40" eb="41">
      <t>ダイ</t>
    </rPh>
    <rPh sb="42" eb="43">
      <t>コウ</t>
    </rPh>
    <phoneticPr fontId="2"/>
  </si>
  <si>
    <t>◎社会福祉施設等における感
　 染症等発生時に係る報告に
 　ついて（平成17年2月22日
 　雇児発第0222001号、
 　社援発第0222002号、
 　老発第0222001号）
◎児童福祉施設等における
 　衛生管理の改善充実及び
 　食中毒発生の予防について
 　（平成9年6月30日児企第
　　16号）
◎児童福祉施設等における
 　衛生管理等について
 　（平成16年1月20日雇児発
   第0120001号、
   障発第012005号）
◎保育所における感染症対
   策ガイドライン（2018年改
   訂版）（2023（令和5）年5
   月一部改訂）
◎児童福祉施設等における
   衛生管理の強化について（
   昭和39年8月1日児発第669
   号）
◎大量調理施設衛生管理マ
   ニュアル（平成9年3月24日
   衛食第85号別添）</t>
    <phoneticPr fontId="2"/>
  </si>
  <si>
    <t>（４）感染症発生時に必要な消毒液その他の物資を備蓄しているか。</t>
    <phoneticPr fontId="2"/>
  </si>
  <si>
    <t>　(２)調理室等の衛
　　生管理</t>
    <phoneticPr fontId="2"/>
  </si>
  <si>
    <t>（１）調理室の窓、出入口等に防虫網を設置し、蠅等の侵入を防ぐ対策を講じているか。</t>
  </si>
  <si>
    <t>　　ねずみ、昆虫の駆除を半年に１回以上（発生を確認した時にはその都度）実施し、その実
　施記録を１年間保管しているか。</t>
    <phoneticPr fontId="2"/>
  </si>
  <si>
    <t>（２）食品貯蔵庫は整理整頓され、食品管理は適正（衛生管理、換気、適温等）に行われてい
　るか。</t>
    <phoneticPr fontId="2"/>
  </si>
  <si>
    <t>（３）調理従事者の衛生管理は適切に行われているか。</t>
  </si>
  <si>
    <t>（４）給食施設設備や食器類の衛生管理（清掃、洗浄、消毒）は適切に行われているか。</t>
    <phoneticPr fontId="2"/>
  </si>
  <si>
    <t>（５）保存食（検査食）は適正に保存しているか。</t>
    <phoneticPr fontId="2"/>
  </si>
  <si>
    <t>◎大量調理施設衛生管理マ
　 ニュアル（平成9年3月24日
　 衛食第85号別添）</t>
    <phoneticPr fontId="2"/>
  </si>
  <si>
    <t>（６）給食業務を委託している場合、委託契約（管理体制、契約内容等）は適正な内容となって
　いるか。</t>
    <phoneticPr fontId="2"/>
  </si>
  <si>
    <t>◎保育所における調理業務の
   委託について（平成10年2
   月18日児発第86号）</t>
    <phoneticPr fontId="2"/>
  </si>
  <si>
    <t>□</t>
    <phoneticPr fontId="2"/>
  </si>
  <si>
    <t>（７）給食関係者（臨時・パート職員、調乳に従事する保育士、調理実習者を含む）の検便は、
　採用時（実習前）及び毎月実施されているか。</t>
    <phoneticPr fontId="2"/>
  </si>
  <si>
    <t>○臨時・パート職員である給食関係者のほか、
　 調乳に従事する保育士や調理実習等で調理
　 に従事する学生等も検便が必要。</t>
    <phoneticPr fontId="2"/>
  </si>
  <si>
    <t>◎労働安全衛生規則第47条</t>
    <phoneticPr fontId="2"/>
  </si>
  <si>
    <t>○調理従事者等は臨時職員も含め、定期的な
　 健康診断及び月に1回以上の検便を受けるこ
　 と。検便検査には、腸管出血性大腸菌の検査
　 を含めることとし、10月から3月までの間には
　 月に1回以上又は必要に応じてノロウイルス
　 の検便検査に努めること。</t>
    <phoneticPr fontId="2"/>
  </si>
  <si>
    <t>◎大量調理施設衛生管理マ
　 ニュアル（平成9年3月24日
 　衛食第85号別添）</t>
    <phoneticPr fontId="2"/>
  </si>
  <si>
    <t xml:space="preserve">
２　給食の実施状況（前年度分）</t>
    <phoneticPr fontId="2"/>
  </si>
  <si>
    <t>○食事の直前及び排便又は排便の世話をした
　 直後には、石鹸を使って流水で十分に手指を
　 洗うこと。特に、下痢便の排泄後又は下痢便
　 の排泄の世話をした後は、直ちに石鹸を使っ
　 て流水で十分に手指を洗った上で、消毒液で
　 手指を消毒すること。</t>
    <phoneticPr fontId="2"/>
  </si>
  <si>
    <t>◎保育所保育指針
 　第3章－3－(1)
◎児童福祉施設等における衛
 　生管理の改善充実及び食
   中毒発生の予防について
   （平成9年6月30日児企第
   16号）</t>
    <phoneticPr fontId="2"/>
  </si>
  <si>
    <t>（２）調乳室、便所等で共用タオルが使用されていないか。</t>
    <phoneticPr fontId="2"/>
  </si>
  <si>
    <t>◎児童福祉施設等における
　 衛生管理等について（平成
　 16年1月20日雇児発
　 第0120001号、障発
　 第012005号）</t>
    <phoneticPr fontId="2"/>
  </si>
  <si>
    <t>（３）年１回以上大掃除を行い、常に施設内外を清潔に保っているか。</t>
    <phoneticPr fontId="2"/>
  </si>
  <si>
    <t>◎保育所における感染症対
　 策ガイドライン（2018年改訂
　 版）（2023（令和5）年5月一
　 部改訂）</t>
    <phoneticPr fontId="2"/>
  </si>
  <si>
    <t>（４）空調設備等により、施設内の適温の確保に努めているか。</t>
    <phoneticPr fontId="2"/>
  </si>
  <si>
    <t>（５）施設内の消毒等は適切に行われているか。</t>
    <phoneticPr fontId="2"/>
  </si>
  <si>
    <t>（７）上記（１）から（６）までの他、感染症等の予防対策として実施したものがあるか。</t>
    <phoneticPr fontId="2"/>
  </si>
  <si>
    <t>　(４)水質管理</t>
    <phoneticPr fontId="2"/>
  </si>
  <si>
    <t>（１）浄化槽を設置しているか。</t>
    <phoneticPr fontId="2"/>
  </si>
  <si>
    <t>　　「いる」の場合、年１回以上点検・清掃及び指定検査機関による水質検査を受けている
　か。</t>
    <phoneticPr fontId="2"/>
  </si>
  <si>
    <t>○浄化槽を設置している場合、年1回（環境省
　 令で定めがある場合にあっては定める回数）
　 浄化槽の点検及び清掃を行っていること。
○浄化槽を設置している場合、年1回（環境省
　 令で定めがある場合にあっては定める回数）
　 指定検査機関による水質検査を行っているこ
　 と。</t>
    <phoneticPr fontId="2"/>
  </si>
  <si>
    <t>◎浄化槽法第10条、第11条</t>
    <phoneticPr fontId="2"/>
  </si>
  <si>
    <t>（２）自家水（飲用井戸）を使用しているか。</t>
    <phoneticPr fontId="2"/>
  </si>
  <si>
    <t>（３）貯水槽（受水槽）を使用しているか。
　　　「いる」の場合、該当するものに○をすること。
　　　（　　）１０トンを超える
　　　（　　）１０トン以下</t>
    <phoneticPr fontId="2"/>
  </si>
  <si>
    <t>７　防災体制の状況</t>
    <phoneticPr fontId="2"/>
  </si>
  <si>
    <t>（１）防火安全対策計画（消防計画）を作成（変更があった場合は、見直しの上）し、消防局長
　又は消防署長に届出をしているか。</t>
    <phoneticPr fontId="2"/>
  </si>
  <si>
    <t>□消防計画作成（変更）届出書
   （控）</t>
    <phoneticPr fontId="2"/>
  </si>
  <si>
    <t>◎消防法施行規則第3条
◎鹿児島市家庭的保育事業
　 等の設備及び運営の基準
   に関する条例第8条第1項
◎保育所保育指針
　 第3章－4－(2)</t>
    <rPh sb="17" eb="20">
      <t>カテイテキ</t>
    </rPh>
    <rPh sb="20" eb="22">
      <t>ホイク</t>
    </rPh>
    <rPh sb="22" eb="24">
      <t>ジギョウ</t>
    </rPh>
    <rPh sb="27" eb="28">
      <t>トウ</t>
    </rPh>
    <phoneticPr fontId="2"/>
  </si>
  <si>
    <t>（２）防火管理者は、有資格者が選任され、消防局長又は消防署長に届出をしているか。</t>
    <phoneticPr fontId="2"/>
  </si>
  <si>
    <t>○防火管理者の交替があった場合は、所轄の
   消防機関に届け出ること。</t>
    <phoneticPr fontId="2"/>
  </si>
  <si>
    <t>□防火管理者選任届出書（控）
□防火管理者講習修了証書</t>
    <phoneticPr fontId="2"/>
  </si>
  <si>
    <t>◎消防法第8条第1項、第2項
◎消防法施行令第3条、第4条</t>
    <phoneticPr fontId="2"/>
  </si>
  <si>
    <t>（３）防災設備は整備されているか。</t>
    <phoneticPr fontId="2"/>
  </si>
  <si>
    <t>◎鹿児島市家庭的保育事業
　 等の設備及び運営の基準
　 に関する条例第8条第1項
◎消防法第17条
◎消防法施行令第7条
◎保育所保育指針
 　第3章－4－(1)－ア</t>
    <rPh sb="5" eb="8">
      <t>カテイテキ</t>
    </rPh>
    <rPh sb="8" eb="10">
      <t>ホイク</t>
    </rPh>
    <rPh sb="10" eb="12">
      <t>ジギョウ</t>
    </rPh>
    <rPh sb="15" eb="16">
      <t>トウ</t>
    </rPh>
    <rPh sb="24" eb="26">
      <t>キジュン</t>
    </rPh>
    <phoneticPr fontId="2"/>
  </si>
  <si>
    <t>（４）消防設備は整備され、また、これらの設備について、消防設備点検資格者による法定
　点検が行われ、記録を整備しているか。</t>
    <phoneticPr fontId="2"/>
  </si>
  <si>
    <t>○法定点検の結果を消防署へ報告すること。
　 （点検期間）　
　 機器（外観・機能）点検：6月ごと
　 総合点検：1年ごと</t>
    <phoneticPr fontId="2"/>
  </si>
  <si>
    <t>□消防用設備等点検結果報告
 　書</t>
    <phoneticPr fontId="2"/>
  </si>
  <si>
    <t>◎消防法施行規則第31条の6
◎消防用設備等又は特殊消
 　防用設備等の種類及び点
 　検内容に応じて行う点検の
 　期間、方法並びに結果につ
 　いての報告書の様式を定め
 　る件（平成16年5月31日消
   防庁告示第9号）
◎社会福祉施設における火災
 　防止対策の強化について（
 　昭和48年4月13日社施第
 　59号）</t>
    <phoneticPr fontId="2"/>
  </si>
  <si>
    <t>（５）消防設備等の前及び避難路に物品などが置かれていないか等、自主点検を行い、記録
　を整備しているか。</t>
    <phoneticPr fontId="2"/>
  </si>
  <si>
    <t>□消防設備自主点検表</t>
    <phoneticPr fontId="2"/>
  </si>
  <si>
    <t>（６）重油、灯油及びプロパンガス（ＬＰＧ）等の管理を適切に行っているか。</t>
    <phoneticPr fontId="2"/>
  </si>
  <si>
    <t>（７）消防職員の立入検査があったか。（前回監査以後）</t>
    <phoneticPr fontId="2"/>
  </si>
  <si>
    <t>◎消防法第4条、第4条の2</t>
    <phoneticPr fontId="2"/>
  </si>
  <si>
    <t>（８）消防職員の立入検査で指摘があったか。
　　　「ある」の場合、指摘事項及び改善措置について記載すること。</t>
    <phoneticPr fontId="2"/>
  </si>
  <si>
    <t>（１０）立地環境に応じ、個別に非常災害に対する具体的計画を立てているか。</t>
    <phoneticPr fontId="2"/>
  </si>
  <si>
    <t>○事業者は、地震・火災・風水害について必ず
 　作成すること。
○計画の内容について、職員並びに利用乳幼
 　児及びその保護者に分かりやすく掲示しなけ
 　ればならない。
○災害時の役割分担表や緊急連絡網、消防等
 　へ通報・連絡するための緊急連絡先一覧表
 　等を整備すること。
○地域住民や近隣施設等との協力体制の構築
　・地域行事への参加など地域住民との交流
　・近隣施設等と災害時の入所者の一時受け入
 　れなどの協力関係
○職員に対する防災教育等
　・各種計画を活用した施設内研修の実施
　・避難場所や避難経路の安全性についての実
　　地確認
　・地域住民の中の協力者の参加を得た、実地
　　の防災訓練等
○災害に備え、普段からやっておきたいこと
　・施設行事、イベントの地域開放
　・施設ロビー、食堂の地域開放
　・施設運営ボランティアの活用
　・災害時ボランティアの事前登録
　・災害時協力井戸の確保
　・施設運営関連業務委託業者との災害時協
　　力協定の締結</t>
    <rPh sb="1" eb="4">
      <t>ジギョウシャ</t>
    </rPh>
    <rPh sb="33" eb="35">
      <t>ケイカク</t>
    </rPh>
    <rPh sb="36" eb="38">
      <t>ナイヨウ</t>
    </rPh>
    <phoneticPr fontId="2"/>
  </si>
  <si>
    <t>□非常災害対策計画</t>
    <phoneticPr fontId="2"/>
  </si>
  <si>
    <t>　ア　避難経路は複数確保されているか。</t>
    <phoneticPr fontId="2"/>
  </si>
  <si>
    <t>　イ　避難にかかる所要時間を確認しているか。</t>
    <phoneticPr fontId="2"/>
  </si>
  <si>
    <t>□役割分担表
□緊急連絡網
□緊急連絡先一覧表　等</t>
    <phoneticPr fontId="2"/>
  </si>
  <si>
    <t>◎鹿児島市家庭的保育事業
　 等の設備及び運営の基準
   に関する条例第8条第2項</t>
    <phoneticPr fontId="2"/>
  </si>
  <si>
    <t>（１２）非常災害時の関係機関への通報及び連携体制は整備されているか。</t>
    <phoneticPr fontId="2"/>
  </si>
  <si>
    <t>◎鹿児島市家庭的保育事業
　 等の設備及び運営の基準
   に関する条例第8条第3項</t>
    <phoneticPr fontId="2"/>
  </si>
  <si>
    <t>◎保育所保育指針
 　第3章－4－(3)</t>
    <phoneticPr fontId="2"/>
  </si>
  <si>
    <t>　イ　それらの取組を定期的に職員に周知しているか。</t>
    <phoneticPr fontId="2"/>
  </si>
  <si>
    <t>（１３）非常災害に備えて、食糧や飲料水等を備蓄しているか。</t>
    <phoneticPr fontId="2"/>
  </si>
  <si>
    <t>８　防災訓練の実施
　状況</t>
    <phoneticPr fontId="2"/>
  </si>
  <si>
    <t>（１）避難及び消火訓練を月１回以上実施しているか。</t>
    <phoneticPr fontId="2"/>
  </si>
  <si>
    <t>○避難及び消火に対する訓練は、少なくとも毎
　月1回は、行わなければならない。
○避難及び消火訓練は、非常災害を想定した
　ものとし、不審者対応訓練は含まないこと。</t>
    <phoneticPr fontId="2"/>
  </si>
  <si>
    <t>（２）上記の訓練を実施する際に、事前に年２回以上、消防機関に通報しているか。</t>
  </si>
  <si>
    <t>（３）訓練時には、消防機関の立会協力を得ているか。</t>
    <phoneticPr fontId="2"/>
  </si>
  <si>
    <t>（４）訓練後の消防機関の講評についても、記録しているか。</t>
    <phoneticPr fontId="2"/>
  </si>
  <si>
    <t>○それぞれの区域内にある要配慮者利用施設
 　の所有者又は管理者は「要配慮者利用施設
 　における避難確保計画の作成・活用の手引き
 　（洪水、雨水出水、高潮、土砂災害、津波）」
 　を参考に作成し、各所管課に報告すること。</t>
    <phoneticPr fontId="2"/>
  </si>
  <si>
    <t xml:space="preserve">◎水防法第15条の3第1項、
　 第2項、第5項
◎土砂災害警戒区域等にお
　 ける土砂災害防止対策の
 　推進に関する法律第8条の
　 2第1項、第2項、第5項
</t>
    <phoneticPr fontId="2"/>
  </si>
  <si>
    <t>９　連携施設</t>
    <rPh sb="2" eb="4">
      <t>レンケイ</t>
    </rPh>
    <rPh sb="4" eb="6">
      <t>シセツ</t>
    </rPh>
    <phoneticPr fontId="2"/>
  </si>
  <si>
    <t>◎鹿児島市家庭的保育事業
　 等の設備及び運営の基準
   に関する条例第7条</t>
    <phoneticPr fontId="2"/>
  </si>
  <si>
    <t>　　確保している場合</t>
    <rPh sb="2" eb="4">
      <t>カクホ</t>
    </rPh>
    <rPh sb="8" eb="10">
      <t>バアイ</t>
    </rPh>
    <phoneticPr fontId="2"/>
  </si>
  <si>
    <t>（３）連携協力の内容はどのようなものか。</t>
    <rPh sb="3" eb="5">
      <t>レンケイ</t>
    </rPh>
    <rPh sb="5" eb="7">
      <t>キョウリョク</t>
    </rPh>
    <rPh sb="8" eb="10">
      <t>ナイヨウ</t>
    </rPh>
    <phoneticPr fontId="2"/>
  </si>
  <si>
    <t>◎鹿児島市家庭的保育事業
　 等の設備及び運営の基準
   に関する条例第7条第1項
　 1、2、3号</t>
    <rPh sb="39" eb="40">
      <t>ダイ</t>
    </rPh>
    <rPh sb="41" eb="42">
      <t>コウ</t>
    </rPh>
    <rPh sb="50" eb="51">
      <t>ゴウ</t>
    </rPh>
    <phoneticPr fontId="2"/>
  </si>
  <si>
    <t>10　事故防止及び
　事故発生時の対
　応</t>
    <phoneticPr fontId="2"/>
  </si>
  <si>
    <t>（１）施設、設備、遊具、玩具、用具、園庭等を定期的に点検しているか。</t>
    <phoneticPr fontId="2"/>
  </si>
  <si>
    <t xml:space="preserve">◎保育所保育指針
　 第3章－3－(2)
　 第3章－4－(1)－イ
◎保育所保育指針解説
　 第3章－3－(2)－ア
◎児童福祉施設等における
 　児童の安全の確保につい
   て（平成13年6月15日雇児
   総発第402号）
◎児童福祉施設等に設置し
　 ている遊具の安全確保に
 　ついて（平成20年8月29日
 　雇児総発第0829002号、
 　障障発第0829001号）
◎社会福祉施設等における入
　 所者等の安全の確保につ
   いて（平成28年7月26日雇
   児総発0726第1号）
◎社会福祉施設等における防
　 犯に係る安全の確保につい
　 て（平成28年9月15日雇児
   総発0915第1号）
</t>
    <phoneticPr fontId="2"/>
  </si>
  <si>
    <t>　　ア　安全性の確保や機能の保持など、具体的な点検項目や点検日及び点検者を定めて
　　　いるか。</t>
    <phoneticPr fontId="2"/>
  </si>
  <si>
    <t>　　イ　施設内の安全確認について、安全点検表を整備し、活用しているか。</t>
    <phoneticPr fontId="2"/>
  </si>
  <si>
    <t>　　ウ　安全管理に関し、職員会議等で取り上げるなど、職員の共通理解を図っているか。</t>
    <phoneticPr fontId="2"/>
  </si>
  <si>
    <t>　　エ　遊具の安全基準や規格などについて熟知した、専門技術者による定期点検を行って
　　　いるか。</t>
    <phoneticPr fontId="2"/>
  </si>
  <si>
    <t>　　オ　点検時に不備があった場合、早めに修繕を行うなどの対応をしているか。</t>
    <phoneticPr fontId="2"/>
  </si>
  <si>
    <t>　　カ　日常的に利用する散歩の経路や公園等について、異常や危険性の有無、工事箇所や
　　　交通量を含めて点検し、記録を付けるなど、情報を全職員で共有しているか。</t>
    <phoneticPr fontId="2"/>
  </si>
  <si>
    <t>（２）安全計画の策定等</t>
  </si>
  <si>
    <t>□研修記録簿
□訓練記録簿</t>
    <phoneticPr fontId="2"/>
  </si>
  <si>
    <t>（３）園外保育の場合は、複数の職員で引率しているか。</t>
  </si>
  <si>
    <t>　　また、携帯電話等による連絡体制を確保しているか。</t>
    <phoneticPr fontId="2"/>
  </si>
  <si>
    <t>（４）施設内に不審者が立ち入った場合など緊急時に備える体制がとられているか。</t>
    <phoneticPr fontId="2"/>
  </si>
  <si>
    <t>（５）不審者への対応策について、警察等関係機関と防犯訓練を行うなどの連携をとっている
　か。</t>
    <phoneticPr fontId="2"/>
  </si>
  <si>
    <t xml:space="preserve">◎鹿児島市特定教育・保育施
　 設及び特定地域型保育事
   業の運営の基準に関する
   条例第33条
◎教育・保育施設等における
　 事故防止及び事故発生時
   の対応のためのガイドライ
   ンについて（平成28年3月
   31日雇児保発0331第3号）
◎保育所保育指針解説
　 第3章－1－(3)－⑨
</t>
    <rPh sb="48" eb="49">
      <t>ダイ</t>
    </rPh>
    <phoneticPr fontId="2"/>
  </si>
  <si>
    <t>（７）事故発生時に適切な救命処置が可能となるよう、訓練を実施しているか。</t>
    <phoneticPr fontId="2"/>
  </si>
  <si>
    <t>□午睡チェック表　等</t>
    <phoneticPr fontId="2"/>
  </si>
  <si>
    <t>（１３）保育中に事故が発生したことがあるか。</t>
    <phoneticPr fontId="2"/>
  </si>
  <si>
    <t>□教育・保育施設等事故報告
   様式
□事故記録簿
□ケース記録
□保険契約書</t>
    <phoneticPr fontId="2"/>
  </si>
  <si>
    <t>　　ア　事故が発生したことがある場合、記録は整備しているか。
　　</t>
    <phoneticPr fontId="2"/>
  </si>
  <si>
    <t>　　イ　事故記録には、保護者へ連絡・報告した内容も記録しているか。</t>
    <phoneticPr fontId="2"/>
  </si>
  <si>
    <t>11　自動車</t>
    <phoneticPr fontId="2"/>
  </si>
  <si>
    <t>（１）公用車を保有しているか。（本部、施設での保有）
　　　「いる」の場合、保有している公用車について記載すること。</t>
    <phoneticPr fontId="2"/>
  </si>
  <si>
    <t>◎鹿児島市家庭的保育事業
　 等の設備及び運営の基準
　 に関する条例第8条の3第1
   項</t>
    <rPh sb="5" eb="8">
      <t>カテイテキ</t>
    </rPh>
    <rPh sb="8" eb="10">
      <t>ホイク</t>
    </rPh>
    <rPh sb="10" eb="12">
      <t>ジギョウ</t>
    </rPh>
    <rPh sb="15" eb="16">
      <t>トウ</t>
    </rPh>
    <phoneticPr fontId="2"/>
  </si>
  <si>
    <t>◎鹿児島市家庭的保育事業
   等の設備及び運営の基準
   に関する条例第8条の3第2
   項</t>
    <rPh sb="5" eb="8">
      <t>カテイテキ</t>
    </rPh>
    <rPh sb="8" eb="10">
      <t>ホイク</t>
    </rPh>
    <rPh sb="10" eb="12">
      <t>ジギョウ</t>
    </rPh>
    <rPh sb="16" eb="17">
      <t>トウ</t>
    </rPh>
    <phoneticPr fontId="2"/>
  </si>
  <si>
    <t>12　損害賠償保険</t>
    <phoneticPr fontId="2"/>
  </si>
  <si>
    <t>（１）利用者損害賠償保険に加入しているか。
　　　ア　「いる」の場合、記載すること。</t>
    <phoneticPr fontId="2"/>
  </si>
  <si>
    <t>□保険契約書</t>
    <phoneticPr fontId="2"/>
  </si>
  <si>
    <t>◎鹿児島市特定教育・保育施
　 設及び特定地域型保育事
   業の運営の基準に関する
   条例第33条第4項</t>
    <phoneticPr fontId="2"/>
  </si>
  <si>
    <t>　　　イ　「いない」の場合、その理由や事故時の対応策を記入すること。</t>
    <phoneticPr fontId="2"/>
  </si>
  <si>
    <t>（２）建物火災保険等に加入しているか。
　　　ア　「いる」の場合、記載すること。</t>
    <phoneticPr fontId="2"/>
  </si>
  <si>
    <t>　　　イ　「いない」の場合、その理由や対応策を記入すること。</t>
    <phoneticPr fontId="2"/>
  </si>
  <si>
    <t>13　相談・苦情解決</t>
    <phoneticPr fontId="2"/>
  </si>
  <si>
    <t>（１）福祉サービスに関する苦情解決の仕組みへの取組が行われているか。</t>
    <phoneticPr fontId="2"/>
  </si>
  <si>
    <t>（参考）
○福祉サービスに関する「利用者の相談・苦情
　 解決実施要領（例）」等について（平成12年10
　 月31日付鹿社協434号）</t>
    <phoneticPr fontId="2"/>
  </si>
  <si>
    <t>□相談・苦情解決実施要領
□苦情の受付簿（報告書）
□苦情解決の記録簿（報告書）</t>
    <phoneticPr fontId="2"/>
  </si>
  <si>
    <t>◎社会福祉法第82条
◎鹿児島市家庭的保育事業
　 等の設備及び運営の基準
   に関する条例第22条</t>
    <phoneticPr fontId="2"/>
  </si>
  <si>
    <t>　　　相談・苦情解決実施要領を定めているか。</t>
    <phoneticPr fontId="2"/>
  </si>
  <si>
    <t>◎社会福祉事業の経営者に
　 よる福祉サービスに関する
　 苦情解決の仕組みの指針
　 について（平成12年6月7日
　 付厚生省各部局長通知）</t>
    <phoneticPr fontId="2"/>
  </si>
  <si>
    <t>○苦情を受け付けるための窓口を設置すること
　 のほか、相談窓口、苦情処理の体制及び手　
 　順等当該施設における苦情を処理するため
 　に講ずる措置の概要について明らかにし、こ
 　れを入所者又はその家族にサービスの内容
 　を説明する文書に記載するとともに、施設内
 　に掲示すること等、必要な措置を講じなけれ
 　ばならない。
○苦情の受付日、内容等を記録すること。
○苦情がサービスの質の向上を図る上での重
 　要な情報であるとの認識に立ち、苦情の内容
 　を踏まえ、サービスの質の向上に向けた取組
 　を自ら行わなければならない。</t>
    <phoneticPr fontId="2"/>
  </si>
  <si>
    <t>（３）相談・苦情解決の責任者、受付担当者及び第三者委員が選任されているか。</t>
    <phoneticPr fontId="2"/>
  </si>
  <si>
    <t>（４）苦情受付の窓口及び苦情解決の手続きの利用者への周知はされているか。</t>
    <phoneticPr fontId="2"/>
  </si>
  <si>
    <t>（５）受け付けた相談・苦情については、適切に対応しているか。</t>
    <phoneticPr fontId="2"/>
  </si>
  <si>
    <t>○受け付けた相談・苦情については、定期的に
　 第三者委員に処理状況を報告し、連携を確認
　 しておくこと。
○苦情だけでなく、意見や要望的なものまで記
　 録しておくこと。</t>
    <phoneticPr fontId="2"/>
  </si>
  <si>
    <t>□相談・苦情の内容を公表した
　 広報誌</t>
    <phoneticPr fontId="2"/>
  </si>
  <si>
    <t>　　（前年度の相談・苦情受付処理状況）</t>
    <phoneticPr fontId="2"/>
  </si>
  <si>
    <t>Ⅱ　職員処遇</t>
    <rPh sb="2" eb="4">
      <t>ショクイン</t>
    </rPh>
    <rPh sb="4" eb="6">
      <t>ショグウ</t>
    </rPh>
    <phoneticPr fontId="2"/>
  </si>
  <si>
    <t>（１）職員の採用に当たり、書類審査・面接等の選考が適正に行われているか。
　　　職員募集の方法</t>
    <phoneticPr fontId="2"/>
  </si>
  <si>
    <t>○施設長の任免、その他重要な人事を除く一般
　 職員の任免は、理事長の専決事項であるが、
　 理事会に報告すること。
○解雇の場合は、理事会審議が適当であるこ
　 と。</t>
    <phoneticPr fontId="2"/>
  </si>
  <si>
    <t>□採用伺
□雇用契約書・労働条件通知
   書
□辞令・辞令原簿
□理事会議事録
□退職届等</t>
    <phoneticPr fontId="2"/>
  </si>
  <si>
    <t>（２）職員の採用、人事発令について、伺い書等関係書類が整備され、辞令の交付若しくは労
　働契約が締結されているか。</t>
    <phoneticPr fontId="2"/>
  </si>
  <si>
    <t>○職員の人事発令に際し、発令事項、職種、配
　 置先、給料等を明記すること。</t>
    <phoneticPr fontId="2"/>
  </si>
  <si>
    <t>（３）試用期間を設けているか。　
　　　「いる」の場合（試用期間　　　　　か月）</t>
    <phoneticPr fontId="2"/>
  </si>
  <si>
    <t>○採用しようとする者について、必要と認める場
　 合に、能力･勤務態度･健康状態などを見るた
　 めに定める一定期間のこと。（概ね3か月以内
　 程度）
○試用期間であっても、給与に関する規程に基
　 づいた初任給格付けを行うこと。</t>
    <phoneticPr fontId="2"/>
  </si>
  <si>
    <t>□就業規則
□誓約書
□研修記録</t>
    <phoneticPr fontId="2"/>
  </si>
  <si>
    <t>◎児童福祉法第18条の22
◎鹿児島市家庭的保育事業
　 等の設備及び運営の基準
   に関する条例第21条</t>
    <rPh sb="19" eb="22">
      <t>カテイテキ</t>
    </rPh>
    <rPh sb="22" eb="24">
      <t>ホイク</t>
    </rPh>
    <rPh sb="24" eb="26">
      <t>ジギョウ</t>
    </rPh>
    <rPh sb="29" eb="30">
      <t>トウ</t>
    </rPh>
    <phoneticPr fontId="2"/>
  </si>
  <si>
    <t>（５）職員の労働条件を書面により明確に提示し、雇用しているか。
　　　※職員が希望した場合は、ファクシミリの送信、電子メール等、出力可能な方法も可。</t>
    <phoneticPr fontId="2"/>
  </si>
  <si>
    <t>○労働条件を明示すること。</t>
    <phoneticPr fontId="2"/>
  </si>
  <si>
    <t>□就業規則
□辞令
□雇用契約書</t>
    <phoneticPr fontId="2"/>
  </si>
  <si>
    <t>◎労働基準法第15条
◎労働基準法施行規則
   第5条
◎短時間労働者の雇用管理
　 の改善等に関する法律第
 　6条、同施行規則第2条</t>
    <phoneticPr fontId="2"/>
  </si>
  <si>
    <t>　　　ア　労働条件は、就業規則と差異はないか。</t>
    <phoneticPr fontId="2"/>
  </si>
  <si>
    <t>【絶対的明示事項】…書面の交付によらなければならない。（⑤のうち、昇給に関する事項を除く）
　① 労働契約の期間に関する事項
　② 有期労働契約を更新する場合の基準に関する事項（R6.4.1～有期労働契約の更新回数に上限の定め
　　　がある場合には上限を含む）
　③ 就業の場所及び従事すべき業務に関する事項（R6.4.1～就業の場所及び従事すべき業務の変更の範
　　　囲を含む）
　④ 始業及び終業の時刻、所定労働時間を超える労働の有無、休憩時間、休日、休暇並びに労働者を２
　　　組以上に分けて就業させる場合における就業時転換（交代勤務）に関する事項
　⑤ 賃金（退職手当及び⑧に規定する賃金を除く。）の決定、計算及び支払の方法、賃金の締切り及び支
　　　払の時期並びに昇給に関する事項
　⑥ 退職に関する事項（解雇の事由を含む。）
【相対的明示事項】…就業規則の内容を周知することで明示に代えることが可能
　⑦ 退職手当の定めが適用される労働者の範囲、退職手当の決定、計算及び支払の方法並びに退職手
　　　当の支払の時期に関する事項
　⑧ 臨時に支払われる賃金（退職手当を除く。）、賞与及び労基法施行規則第8条各号に掲げる賃金並びに
　　　最低賃金額に関する事項
　⑨ 労働者に負担させるべき食費、作業用品その他に関する事項
　⑩ 安全及び衛生に関する事項
　⑪ 職業訓練に関する事項
　⑫ 災害補償及び業務外の傷病扶助に関する事項
　⑬ 表彰及び制裁に関する事項
　⑭ 休職に関する事項</t>
    <phoneticPr fontId="2"/>
  </si>
  <si>
    <t>　　　イ　有期契約職員の無期労働契約への転換について取組を行っているか。</t>
    <phoneticPr fontId="2"/>
  </si>
  <si>
    <t>　　　ウ　最低賃金を下回っていないか。</t>
    <phoneticPr fontId="2"/>
  </si>
  <si>
    <t>　　　エ　労働契約どおりに賃金を支給しているか。</t>
    <phoneticPr fontId="2"/>
  </si>
  <si>
    <t>　　　オ　正規職員と短時間労働者・有期雇用労働者との待遇に違いはあるか。
　　　　「ある」の場合、その内容及び理由</t>
    <phoneticPr fontId="2"/>
  </si>
  <si>
    <t>【高年齢者の雇用の安定等に関する法律第8条、第9条】（R3.4.1から努力義務追加）
○60歳未満の定年禁止。
○定年を65歳未満に定めている事業主は、①65歳まで定年引き上げ、②定年制の廃止、③65歳までの継続雇用制度のいずれかの措置を
　 講ずる義務。
○上記①～③に加え、④70歳まで定年引き上げ、⑤定年制廃止、⑥70歳までの継続雇用制度導入（特殊関係事業主、他の事業主による
　 もの含む）、⑦70歳まで継続的に業務委託契約を締結する制度導入、⑧70歳まで継続的に、事業主が自ら実施する社会貢献事業また
   は事業主が委託、出資（資金提供）等する団体が行う社会貢献事業に従事できる制度の導入のいずれかを講ずる努力義務。</t>
    <phoneticPr fontId="2"/>
  </si>
  <si>
    <t>　　　ア　ある場合、定年の年齢は何歳か。　（　　　　　）歳</t>
    <phoneticPr fontId="2"/>
  </si>
  <si>
    <t>　　　イ　高年齢者の雇用確保措置は取られているか。</t>
    <phoneticPr fontId="2"/>
  </si>
  <si>
    <t>　　　ウ　定年を過ぎた職員の雇用延長手続きは、適正であるか。</t>
    <phoneticPr fontId="2"/>
  </si>
  <si>
    <t>（１）職員会議を開催しているか。</t>
    <phoneticPr fontId="2"/>
  </si>
  <si>
    <t>□職員会議録等</t>
    <phoneticPr fontId="2"/>
  </si>
  <si>
    <t>（２）職員に対して、その質の向上のため初任者から管理職員までの職位や職務内容等を踏
　まえた体系的な研修の機会を確保しているか。</t>
    <phoneticPr fontId="2"/>
  </si>
  <si>
    <t>○職員の資質向上を図るため、年間の具体的
　 研修計画を作成すること。</t>
    <phoneticPr fontId="2"/>
  </si>
  <si>
    <t>◎鹿児島市家庭的保育事業
　 等の設備及び運営の基準
   に関する条例第10条</t>
    <rPh sb="5" eb="8">
      <t>カテイテキ</t>
    </rPh>
    <rPh sb="8" eb="10">
      <t>ホイク</t>
    </rPh>
    <rPh sb="10" eb="12">
      <t>ジギョウ</t>
    </rPh>
    <rPh sb="15" eb="16">
      <t>トウ</t>
    </rPh>
    <phoneticPr fontId="2"/>
  </si>
  <si>
    <t>（３）施設内研修（職員及び施設の課題を踏まえた研修等）の開催又は外部研修への参加が
　積極的に行われているか。</t>
    <phoneticPr fontId="2"/>
  </si>
  <si>
    <t>○積極的に施設外研修に参加させること。
○正規職員以外の職員に対しても、平等に参加
　 の機会を与えることが望ましいこと。
　 (例)保育、児童虐待防止、事故発生防止、感
　 　　 染症対策、個人情報保護、守秘義務、苦
        情対応等</t>
    <phoneticPr fontId="2"/>
  </si>
  <si>
    <t>□研修実施計画</t>
    <phoneticPr fontId="2"/>
  </si>
  <si>
    <t>　　また、研修への参加者に偏りはないか。</t>
    <phoneticPr fontId="2"/>
  </si>
  <si>
    <t>（４）研修内容が、職員会議等において、他の職員へ周知されているか。</t>
    <phoneticPr fontId="2"/>
  </si>
  <si>
    <t>○研修記録、復命書が整備され、施設長等へ
　 の供覧がされていること。
○研修内容については、職員会議等を利用し
　 て、参加しなかった職員に対して周知、報告
   すること。</t>
    <phoneticPr fontId="2"/>
  </si>
  <si>
    <t>□研修記録
□旅行命令簿
□復命書</t>
    <phoneticPr fontId="2"/>
  </si>
  <si>
    <t>　　また、研修記録（復命書等）が整理されているか。</t>
    <phoneticPr fontId="2"/>
  </si>
  <si>
    <t>　　　研修結果をどのように活用しているか。</t>
    <phoneticPr fontId="2"/>
  </si>
  <si>
    <t>（１）労働条件の改善等に配慮し、職員の定着促進に取り組んでいるか。</t>
    <phoneticPr fontId="2"/>
  </si>
  <si>
    <t>　　　具体的な取組について記入すること。
　　　（例）
　　　　・給与水準の見直しを行った。
　　　　・年次有給休暇の取得促進、法定外休暇の充実を図っている。
　　　　・外部研修に可能な限り希望者を参加させている。</t>
    <phoneticPr fontId="2"/>
  </si>
  <si>
    <t>Ⅰ　児童処遇</t>
    <rPh sb="2" eb="6">
      <t>ジドウショグウ</t>
    </rPh>
    <phoneticPr fontId="2"/>
  </si>
  <si>
    <t>主眼項目</t>
    <rPh sb="0" eb="2">
      <t>シュガン</t>
    </rPh>
    <rPh sb="2" eb="4">
      <t>コウモク</t>
    </rPh>
    <phoneticPr fontId="2"/>
  </si>
  <si>
    <t>入力項目</t>
    <rPh sb="0" eb="2">
      <t>ニュウリョク</t>
    </rPh>
    <rPh sb="2" eb="4">
      <t>コウモク</t>
    </rPh>
    <phoneticPr fontId="2"/>
  </si>
  <si>
    <t>１職員体制
（２）</t>
    <rPh sb="1" eb="3">
      <t>ショクイン</t>
    </rPh>
    <rPh sb="3" eb="5">
      <t>タイセイ</t>
    </rPh>
    <phoneticPr fontId="2"/>
  </si>
  <si>
    <t>　　※他の職務を兼務している場合、兼務内容を記載すること</t>
    <phoneticPr fontId="2"/>
  </si>
  <si>
    <t>兼務先</t>
    <rPh sb="0" eb="2">
      <t>ケンム</t>
    </rPh>
    <rPh sb="2" eb="3">
      <t>サキ</t>
    </rPh>
    <phoneticPr fontId="2"/>
  </si>
  <si>
    <t>職名</t>
    <rPh sb="0" eb="2">
      <t>ショクメイ</t>
    </rPh>
    <phoneticPr fontId="2"/>
  </si>
  <si>
    <t>勤務日数</t>
    <rPh sb="0" eb="2">
      <t>キンム</t>
    </rPh>
    <rPh sb="2" eb="4">
      <t>ニッスウ</t>
    </rPh>
    <phoneticPr fontId="2"/>
  </si>
  <si>
    <t>勤務時間</t>
    <rPh sb="0" eb="2">
      <t>キンム</t>
    </rPh>
    <rPh sb="2" eb="4">
      <t>ジカン</t>
    </rPh>
    <phoneticPr fontId="2"/>
  </si>
  <si>
    <t>報　酬</t>
    <rPh sb="0" eb="1">
      <t>ホウ</t>
    </rPh>
    <rPh sb="2" eb="3">
      <t>シュウ</t>
    </rPh>
    <phoneticPr fontId="2"/>
  </si>
  <si>
    <t>週・月
（　　　　　）日</t>
    <phoneticPr fontId="2"/>
  </si>
  <si>
    <t>月額
（                   ）千円</t>
    <rPh sb="0" eb="2">
      <t>ゲツガク</t>
    </rPh>
    <rPh sb="24" eb="26">
      <t>センエン</t>
    </rPh>
    <phoneticPr fontId="2"/>
  </si>
  <si>
    <t>１職員体制
（６）</t>
    <rPh sb="1" eb="3">
      <t>ショクイン</t>
    </rPh>
    <rPh sb="3" eb="5">
      <t>タイセイ</t>
    </rPh>
    <phoneticPr fontId="2"/>
  </si>
  <si>
    <t>○職員（保育士）配置状況</t>
    <phoneticPr fontId="2"/>
  </si>
  <si>
    <t>乳児（0歳）</t>
    <rPh sb="0" eb="2">
      <t>ニュウジ</t>
    </rPh>
    <rPh sb="4" eb="5">
      <t>サイ</t>
    </rPh>
    <phoneticPr fontId="2"/>
  </si>
  <si>
    <t>追加保育士</t>
    <rPh sb="0" eb="2">
      <t>ツイカ</t>
    </rPh>
    <rPh sb="2" eb="5">
      <t>ホイクシ</t>
    </rPh>
    <phoneticPr fontId="2"/>
  </si>
  <si>
    <t>1歳児</t>
    <rPh sb="1" eb="3">
      <t>サイジ</t>
    </rPh>
    <phoneticPr fontId="2"/>
  </si>
  <si>
    <t>入所児童数
(直近前月初日)</t>
    <rPh sb="0" eb="2">
      <t>ニュウショ</t>
    </rPh>
    <rPh sb="2" eb="4">
      <t>ジドウ</t>
    </rPh>
    <rPh sb="4" eb="5">
      <t>スウ</t>
    </rPh>
    <rPh sb="7" eb="9">
      <t>チョッキン</t>
    </rPh>
    <rPh sb="9" eb="11">
      <t>ゼンゲツ</t>
    </rPh>
    <rPh sb="11" eb="13">
      <t>ショニチ</t>
    </rPh>
    <phoneticPr fontId="2"/>
  </si>
  <si>
    <t>うち、障害児数</t>
    <rPh sb="3" eb="5">
      <t>ショウガイ</t>
    </rPh>
    <rPh sb="5" eb="6">
      <t>ジ</t>
    </rPh>
    <rPh sb="6" eb="7">
      <t>スウ</t>
    </rPh>
    <phoneticPr fontId="2"/>
  </si>
  <si>
    <t>最低基準</t>
    <rPh sb="0" eb="2">
      <t>サイテイ</t>
    </rPh>
    <rPh sb="2" eb="4">
      <t>キジュン</t>
    </rPh>
    <phoneticPr fontId="2"/>
  </si>
  <si>
    <t>算出数</t>
    <rPh sb="0" eb="2">
      <t>サンシュツ</t>
    </rPh>
    <rPh sb="2" eb="3">
      <t>スウ</t>
    </rPh>
    <phoneticPr fontId="2"/>
  </si>
  <si>
    <t>※児童年齢は、年度の初日の前日における満年齢とすること。</t>
  </si>
  <si>
    <t>※クラス別の担当保育士を記入すること</t>
    <phoneticPr fontId="2"/>
  </si>
  <si>
    <t>クラス名（年齢）</t>
    <rPh sb="3" eb="4">
      <t>メイ</t>
    </rPh>
    <rPh sb="5" eb="7">
      <t>ネンレイ</t>
    </rPh>
    <phoneticPr fontId="2"/>
  </si>
  <si>
    <t>児　童　数</t>
    <rPh sb="0" eb="1">
      <t>ジ</t>
    </rPh>
    <rPh sb="2" eb="3">
      <t>ワラベ</t>
    </rPh>
    <rPh sb="4" eb="5">
      <t>スウ</t>
    </rPh>
    <phoneticPr fontId="2"/>
  </si>
  <si>
    <t>担当保育士氏名
※非常勤は（　　）書き</t>
    <rPh sb="0" eb="2">
      <t>タントウ</t>
    </rPh>
    <rPh sb="2" eb="5">
      <t>ホイクシ</t>
    </rPh>
    <rPh sb="5" eb="7">
      <t>シメイ</t>
    </rPh>
    <rPh sb="9" eb="12">
      <t>ヒジョウキン</t>
    </rPh>
    <rPh sb="17" eb="18">
      <t>ガ</t>
    </rPh>
    <phoneticPr fontId="2"/>
  </si>
  <si>
    <t>直近前月初日</t>
    <rPh sb="0" eb="2">
      <t>チョッキン</t>
    </rPh>
    <rPh sb="2" eb="4">
      <t>ゼンゲツ</t>
    </rPh>
    <rPh sb="4" eb="6">
      <t>ショニチ</t>
    </rPh>
    <phoneticPr fontId="2"/>
  </si>
  <si>
    <t>監査日</t>
    <rPh sb="0" eb="2">
      <t>カンサ</t>
    </rPh>
    <rPh sb="2" eb="3">
      <t>ビ</t>
    </rPh>
    <phoneticPr fontId="2"/>
  </si>
  <si>
    <t>（記入例）ひよこ組1歳</t>
    <rPh sb="1" eb="3">
      <t>キニュウ</t>
    </rPh>
    <rPh sb="3" eb="4">
      <t>レイ</t>
    </rPh>
    <rPh sb="8" eb="9">
      <t>グ</t>
    </rPh>
    <rPh sb="10" eb="11">
      <t>サイ</t>
    </rPh>
    <phoneticPr fontId="2"/>
  </si>
  <si>
    <t>１職員体制
（６）</t>
    <phoneticPr fontId="2"/>
  </si>
  <si>
    <t>（ア）「いない」の場合、無資格者の職種、及び氏名を記載すること。</t>
    <rPh sb="9" eb="11">
      <t>バアイ</t>
    </rPh>
    <rPh sb="12" eb="15">
      <t>ムシカク</t>
    </rPh>
    <rPh sb="15" eb="16">
      <t>シャ</t>
    </rPh>
    <rPh sb="17" eb="19">
      <t>ショクシュ</t>
    </rPh>
    <rPh sb="20" eb="21">
      <t>オヨ</t>
    </rPh>
    <rPh sb="22" eb="24">
      <t>シメイ</t>
    </rPh>
    <rPh sb="25" eb="27">
      <t>キサイ</t>
    </rPh>
    <phoneticPr fontId="2"/>
  </si>
  <si>
    <t>職　種</t>
    <rPh sb="0" eb="1">
      <t>ショク</t>
    </rPh>
    <rPh sb="2" eb="3">
      <t>シュ</t>
    </rPh>
    <phoneticPr fontId="2"/>
  </si>
  <si>
    <t>氏　名</t>
    <rPh sb="0" eb="1">
      <t>シ</t>
    </rPh>
    <rPh sb="2" eb="3">
      <t>ナ</t>
    </rPh>
    <phoneticPr fontId="2"/>
  </si>
  <si>
    <t>（イ）無資格者をいつまでに解消するのか。また、解消のため現在取られている</t>
    <rPh sb="3" eb="6">
      <t>ムシカク</t>
    </rPh>
    <rPh sb="6" eb="7">
      <t>シャ</t>
    </rPh>
    <rPh sb="13" eb="15">
      <t>カイショウ</t>
    </rPh>
    <rPh sb="23" eb="25">
      <t>カイショウ</t>
    </rPh>
    <rPh sb="28" eb="30">
      <t>ゲンザイ</t>
    </rPh>
    <rPh sb="30" eb="31">
      <t>ト</t>
    </rPh>
    <phoneticPr fontId="2"/>
  </si>
  <si>
    <t>　具体的方策を記載すること。</t>
    <rPh sb="7" eb="9">
      <t>キサイ</t>
    </rPh>
    <phoneticPr fontId="2"/>
  </si>
  <si>
    <t>解消予定年月：令和　　年　　月頃
（具体的方策）</t>
    <phoneticPr fontId="2"/>
  </si>
  <si>
    <t>認可定員</t>
    <rPh sb="0" eb="2">
      <t>ニンカ</t>
    </rPh>
    <rPh sb="2" eb="4">
      <t>テイイン</t>
    </rPh>
    <phoneticPr fontId="2"/>
  </si>
  <si>
    <t>利用定員</t>
    <rPh sb="0" eb="2">
      <t>リヨウ</t>
    </rPh>
    <rPh sb="2" eb="4">
      <t>テイイン</t>
    </rPh>
    <phoneticPr fontId="2"/>
  </si>
  <si>
    <t>現　員</t>
    <rPh sb="0" eb="1">
      <t>ゲン</t>
    </rPh>
    <rPh sb="2" eb="3">
      <t>イン</t>
    </rPh>
    <phoneticPr fontId="2"/>
  </si>
  <si>
    <t>人</t>
    <rPh sb="0" eb="1">
      <t>ニン</t>
    </rPh>
    <phoneticPr fontId="2"/>
  </si>
  <si>
    <t>定員割れがある場合、その理由と待機児童の有無を記載すること。</t>
    <rPh sb="0" eb="2">
      <t>テイイン</t>
    </rPh>
    <rPh sb="2" eb="3">
      <t>ワ</t>
    </rPh>
    <rPh sb="7" eb="9">
      <t>バアイ</t>
    </rPh>
    <rPh sb="12" eb="14">
      <t>リユウ</t>
    </rPh>
    <rPh sb="15" eb="17">
      <t>タイキ</t>
    </rPh>
    <rPh sb="17" eb="19">
      <t>ジドウ</t>
    </rPh>
    <rPh sb="20" eb="22">
      <t>ウム</t>
    </rPh>
    <rPh sb="23" eb="25">
      <t>キサイ</t>
    </rPh>
    <phoneticPr fontId="2"/>
  </si>
  <si>
    <t>「いる」の場合、その理由、対応策等について記載すること。</t>
    <rPh sb="5" eb="7">
      <t>バアイ</t>
    </rPh>
    <rPh sb="10" eb="12">
      <t>リユウ</t>
    </rPh>
    <rPh sb="13" eb="15">
      <t>タイオウ</t>
    </rPh>
    <rPh sb="15" eb="16">
      <t>サク</t>
    </rPh>
    <rPh sb="16" eb="17">
      <t>トウ</t>
    </rPh>
    <rPh sb="21" eb="23">
      <t>キサイ</t>
    </rPh>
    <phoneticPr fontId="2"/>
  </si>
  <si>
    <t>２保育所の状況
(４)保護者・地域との連携
（２）</t>
    <phoneticPr fontId="2"/>
  </si>
  <si>
    <t>連携の内容</t>
    <rPh sb="0" eb="2">
      <t>レンケイ</t>
    </rPh>
    <rPh sb="3" eb="5">
      <t>ナイヨウ</t>
    </rPh>
    <phoneticPr fontId="2"/>
  </si>
  <si>
    <t>ア　「いる」の場合（前年度実績）</t>
    <phoneticPr fontId="2"/>
  </si>
  <si>
    <t>開催時期</t>
    <rPh sb="0" eb="2">
      <t>カイサイ</t>
    </rPh>
    <rPh sb="2" eb="4">
      <t>ジキ</t>
    </rPh>
    <phoneticPr fontId="2"/>
  </si>
  <si>
    <t>研修内容</t>
    <rPh sb="0" eb="2">
      <t>ケンシュウ</t>
    </rPh>
    <rPh sb="2" eb="4">
      <t>ナイヨウ</t>
    </rPh>
    <phoneticPr fontId="2"/>
  </si>
  <si>
    <t>講師氏名</t>
    <rPh sb="0" eb="2">
      <t>コウシ</t>
    </rPh>
    <rPh sb="2" eb="4">
      <t>シメイ</t>
    </rPh>
    <phoneticPr fontId="2"/>
  </si>
  <si>
    <t>参加人数</t>
    <rPh sb="0" eb="2">
      <t>サンカ</t>
    </rPh>
    <rPh sb="2" eb="4">
      <t>ニンズウ</t>
    </rPh>
    <phoneticPr fontId="2"/>
  </si>
  <si>
    <t>年　　　月</t>
    <rPh sb="0" eb="1">
      <t>ネン</t>
    </rPh>
    <rPh sb="4" eb="5">
      <t>ツキ</t>
    </rPh>
    <phoneticPr fontId="2"/>
  </si>
  <si>
    <t>ウ　上記イで「ない」の場合、理由を記載すること。</t>
    <phoneticPr fontId="2"/>
  </si>
  <si>
    <t>氏名</t>
    <rPh sb="0" eb="2">
      <t>シメイ</t>
    </rPh>
    <phoneticPr fontId="2"/>
  </si>
  <si>
    <t>医療機関名</t>
    <rPh sb="0" eb="2">
      <t>イリョウ</t>
    </rPh>
    <rPh sb="2" eb="4">
      <t>キカン</t>
    </rPh>
    <rPh sb="4" eb="5">
      <t>メイ</t>
    </rPh>
    <phoneticPr fontId="2"/>
  </si>
  <si>
    <t>定例出勤日（曜日）</t>
    <rPh sb="0" eb="2">
      <t>テイレイ</t>
    </rPh>
    <rPh sb="2" eb="5">
      <t>シュッキンビ</t>
    </rPh>
    <rPh sb="6" eb="8">
      <t>ヨウビ</t>
    </rPh>
    <phoneticPr fontId="2"/>
  </si>
  <si>
    <t>専門科目</t>
    <rPh sb="0" eb="2">
      <t>センモン</t>
    </rPh>
    <rPh sb="2" eb="4">
      <t>カモク</t>
    </rPh>
    <phoneticPr fontId="2"/>
  </si>
  <si>
    <t>（月額等）</t>
    <rPh sb="1" eb="3">
      <t>ゲツガク</t>
    </rPh>
    <rPh sb="3" eb="4">
      <t>トウ</t>
    </rPh>
    <phoneticPr fontId="2"/>
  </si>
  <si>
    <t>（勤務時間）</t>
    <rPh sb="1" eb="3">
      <t>キンム</t>
    </rPh>
    <rPh sb="3" eb="5">
      <t>ジカン</t>
    </rPh>
    <phoneticPr fontId="2"/>
  </si>
  <si>
    <t>２保育所の状況
(６)健康管理の状況
（５）</t>
    <phoneticPr fontId="2"/>
  </si>
  <si>
    <t>（５）検査当日の欠席児童への対応策を記載すること。</t>
    <rPh sb="3" eb="5">
      <t>ケンサ</t>
    </rPh>
    <rPh sb="5" eb="7">
      <t>トウジツ</t>
    </rPh>
    <rPh sb="8" eb="10">
      <t>ケッセキ</t>
    </rPh>
    <rPh sb="10" eb="12">
      <t>ジドウ</t>
    </rPh>
    <rPh sb="14" eb="16">
      <t>タイオウ</t>
    </rPh>
    <rPh sb="16" eb="17">
      <t>サク</t>
    </rPh>
    <rPh sb="18" eb="20">
      <t>キサイ</t>
    </rPh>
    <phoneticPr fontId="2"/>
  </si>
  <si>
    <t>２保育所の状況
(６)健康管理の状況
（６）</t>
    <phoneticPr fontId="2"/>
  </si>
  <si>
    <t>２保育所の状況
(７)開所時間及び一斉休園
（１）</t>
    <rPh sb="11" eb="13">
      <t>カイショ</t>
    </rPh>
    <rPh sb="13" eb="15">
      <t>ジカン</t>
    </rPh>
    <rPh sb="15" eb="16">
      <t>オヨ</t>
    </rPh>
    <rPh sb="17" eb="19">
      <t>イッセイ</t>
    </rPh>
    <rPh sb="19" eb="21">
      <t>キュウエン</t>
    </rPh>
    <phoneticPr fontId="2"/>
  </si>
  <si>
    <t>標準時間認定</t>
    <rPh sb="0" eb="2">
      <t>ヒョウジュン</t>
    </rPh>
    <rPh sb="2" eb="4">
      <t>ジカン</t>
    </rPh>
    <rPh sb="4" eb="6">
      <t>ニンテイ</t>
    </rPh>
    <phoneticPr fontId="2"/>
  </si>
  <si>
    <t>短時間認定</t>
    <rPh sb="0" eb="3">
      <t>タンジカン</t>
    </rPh>
    <rPh sb="3" eb="5">
      <t>ニンテイ</t>
    </rPh>
    <phoneticPr fontId="2"/>
  </si>
  <si>
    <t>開所時間</t>
    <rPh sb="0" eb="2">
      <t>カイショ</t>
    </rPh>
    <rPh sb="2" eb="4">
      <t>ジカン</t>
    </rPh>
    <phoneticPr fontId="2"/>
  </si>
  <si>
    <t>：　　　　～　　　　：</t>
    <phoneticPr fontId="2"/>
  </si>
  <si>
    <t>延長保育時間</t>
    <rPh sb="0" eb="2">
      <t>エンチョウ</t>
    </rPh>
    <rPh sb="2" eb="4">
      <t>ホイク</t>
    </rPh>
    <rPh sb="4" eb="6">
      <t>ジカン</t>
    </rPh>
    <phoneticPr fontId="2"/>
  </si>
  <si>
    <t>：　　　　～　　　　：
：　　　　～　　　　：</t>
    <phoneticPr fontId="2"/>
  </si>
  <si>
    <t>【休日保育】</t>
    <rPh sb="1" eb="3">
      <t>キュウジツ</t>
    </rPh>
    <rPh sb="3" eb="5">
      <t>ホイク</t>
    </rPh>
    <phoneticPr fontId="2"/>
  </si>
  <si>
    <t>２保育所の状況
(７)開所時間及び一斉休園
（２）</t>
    <rPh sb="11" eb="13">
      <t>カイショ</t>
    </rPh>
    <rPh sb="13" eb="15">
      <t>ジカン</t>
    </rPh>
    <rPh sb="15" eb="16">
      <t>オヨ</t>
    </rPh>
    <rPh sb="17" eb="19">
      <t>イッセイ</t>
    </rPh>
    <rPh sb="19" eb="21">
      <t>キュウエン</t>
    </rPh>
    <phoneticPr fontId="2"/>
  </si>
  <si>
    <t>（前年度実績）</t>
    <rPh sb="1" eb="4">
      <t>ゼンネンド</t>
    </rPh>
    <rPh sb="4" eb="6">
      <t>ジッセキ</t>
    </rPh>
    <phoneticPr fontId="2"/>
  </si>
  <si>
    <t>休園期間</t>
    <rPh sb="0" eb="2">
      <t>キュウエン</t>
    </rPh>
    <rPh sb="2" eb="4">
      <t>キカン</t>
    </rPh>
    <phoneticPr fontId="2"/>
  </si>
  <si>
    <t>休園理由等</t>
    <rPh sb="0" eb="2">
      <t>キュウエン</t>
    </rPh>
    <rPh sb="2" eb="4">
      <t>リユウ</t>
    </rPh>
    <rPh sb="4" eb="5">
      <t>トウ</t>
    </rPh>
    <phoneticPr fontId="2"/>
  </si>
  <si>
    <t>年　　月　　日</t>
    <rPh sb="0" eb="1">
      <t>ネン</t>
    </rPh>
    <rPh sb="3" eb="4">
      <t>ツキ</t>
    </rPh>
    <rPh sb="6" eb="7">
      <t>ヒ</t>
    </rPh>
    <phoneticPr fontId="2"/>
  </si>
  <si>
    <t>～　　月　　日</t>
    <rPh sb="3" eb="4">
      <t>ツキ</t>
    </rPh>
    <rPh sb="6" eb="7">
      <t>ヒ</t>
    </rPh>
    <phoneticPr fontId="2"/>
  </si>
  <si>
    <t>室数</t>
    <rPh sb="0" eb="1">
      <t>シツ</t>
    </rPh>
    <rPh sb="1" eb="2">
      <t>スウ</t>
    </rPh>
    <phoneticPr fontId="2"/>
  </si>
  <si>
    <t>必要面積</t>
    <rPh sb="0" eb="2">
      <t>ヒツヨウ</t>
    </rPh>
    <rPh sb="2" eb="4">
      <t>メンセキ</t>
    </rPh>
    <phoneticPr fontId="2"/>
  </si>
  <si>
    <t>現況面積</t>
    <rPh sb="0" eb="2">
      <t>ゲンキョウ</t>
    </rPh>
    <rPh sb="2" eb="4">
      <t>メンセキ</t>
    </rPh>
    <phoneticPr fontId="2"/>
  </si>
  <si>
    <t>乳児室</t>
    <rPh sb="0" eb="2">
      <t>ニュウジ</t>
    </rPh>
    <rPh sb="2" eb="3">
      <t>シツ</t>
    </rPh>
    <phoneticPr fontId="2"/>
  </si>
  <si>
    <t>ほふく室</t>
    <rPh sb="3" eb="4">
      <t>シツ</t>
    </rPh>
    <phoneticPr fontId="2"/>
  </si>
  <si>
    <t>1人につき
3.3㎡以上</t>
    <rPh sb="1" eb="2">
      <t>ニン</t>
    </rPh>
    <rPh sb="10" eb="12">
      <t>イジョウ</t>
    </rPh>
    <phoneticPr fontId="2"/>
  </si>
  <si>
    <t>保育室
又は遊戯室</t>
    <rPh sb="0" eb="3">
      <t>ホイクシツ</t>
    </rPh>
    <rPh sb="4" eb="5">
      <t>マタ</t>
    </rPh>
    <rPh sb="6" eb="9">
      <t>ユウギシツ</t>
    </rPh>
    <phoneticPr fontId="2"/>
  </si>
  <si>
    <t>2歳児以上1人につき
1.98㎡以上</t>
    <rPh sb="1" eb="2">
      <t>サイ</t>
    </rPh>
    <rPh sb="2" eb="3">
      <t>ジ</t>
    </rPh>
    <rPh sb="3" eb="5">
      <t>イジョウ</t>
    </rPh>
    <rPh sb="6" eb="7">
      <t>ニン</t>
    </rPh>
    <rPh sb="16" eb="18">
      <t>イジョウ</t>
    </rPh>
    <phoneticPr fontId="2"/>
  </si>
  <si>
    <t>調理室</t>
    <rPh sb="0" eb="3">
      <t>チョウリシツ</t>
    </rPh>
    <phoneticPr fontId="2"/>
  </si>
  <si>
    <t>医務室</t>
    <rPh sb="0" eb="3">
      <t>イムシツ</t>
    </rPh>
    <phoneticPr fontId="2"/>
  </si>
  <si>
    <t>事務室</t>
    <rPh sb="0" eb="3">
      <t>ジムシツ</t>
    </rPh>
    <phoneticPr fontId="2"/>
  </si>
  <si>
    <t>調乳室</t>
    <rPh sb="0" eb="3">
      <t>チョウニュウシツ</t>
    </rPh>
    <phoneticPr fontId="2"/>
  </si>
  <si>
    <t>沐浴室</t>
    <rPh sb="0" eb="2">
      <t>モクヨク</t>
    </rPh>
    <rPh sb="2" eb="3">
      <t>シツ</t>
    </rPh>
    <phoneticPr fontId="2"/>
  </si>
  <si>
    <t>乳児用便所</t>
    <rPh sb="0" eb="3">
      <t>ニュウジヨウ</t>
    </rPh>
    <rPh sb="3" eb="5">
      <t>ベンジョ</t>
    </rPh>
    <phoneticPr fontId="2"/>
  </si>
  <si>
    <t>幼児用便所</t>
    <rPh sb="0" eb="3">
      <t>ヨウジヨウ</t>
    </rPh>
    <rPh sb="3" eb="5">
      <t>ベンジョ</t>
    </rPh>
    <phoneticPr fontId="2"/>
  </si>
  <si>
    <t>屋外遊戯場</t>
    <rPh sb="0" eb="2">
      <t>オクガイ</t>
    </rPh>
    <rPh sb="2" eb="4">
      <t>ユウギ</t>
    </rPh>
    <rPh sb="4" eb="5">
      <t>ジョウ</t>
    </rPh>
    <phoneticPr fontId="2"/>
  </si>
  <si>
    <t>2歳児以上1人につき
3.3㎡以上</t>
    <rPh sb="1" eb="3">
      <t>サイジ</t>
    </rPh>
    <rPh sb="3" eb="5">
      <t>イジョウ</t>
    </rPh>
    <rPh sb="6" eb="7">
      <t>ニン</t>
    </rPh>
    <rPh sb="15" eb="17">
      <t>イジョウ</t>
    </rPh>
    <phoneticPr fontId="2"/>
  </si>
  <si>
    <t>建築面積</t>
    <rPh sb="0" eb="2">
      <t>ケンチク</t>
    </rPh>
    <rPh sb="2" eb="4">
      <t>メンセキ</t>
    </rPh>
    <phoneticPr fontId="2"/>
  </si>
  <si>
    <t>屋外面積</t>
    <rPh sb="0" eb="2">
      <t>オクガイ</t>
    </rPh>
    <rPh sb="2" eb="4">
      <t>メンセキ</t>
    </rPh>
    <phoneticPr fontId="2"/>
  </si>
  <si>
    <t>その他の面積</t>
    <rPh sb="2" eb="3">
      <t>タ</t>
    </rPh>
    <rPh sb="4" eb="6">
      <t>メンセキ</t>
    </rPh>
    <phoneticPr fontId="2"/>
  </si>
  <si>
    <t>敷地総面積</t>
    <rPh sb="0" eb="2">
      <t>シキチ</t>
    </rPh>
    <rPh sb="2" eb="5">
      <t>ソウメンセキ</t>
    </rPh>
    <phoneticPr fontId="2"/>
  </si>
  <si>
    <t>４給食の実施状況
（１）</t>
    <rPh sb="1" eb="3">
      <t>キュウショク</t>
    </rPh>
    <rPh sb="4" eb="6">
      <t>ジッシ</t>
    </rPh>
    <rPh sb="6" eb="8">
      <t>ジョウキョウ</t>
    </rPh>
    <phoneticPr fontId="2"/>
  </si>
  <si>
    <t>「いる」の場合、実施状況を記入すること。</t>
    <rPh sb="5" eb="7">
      <t>バアイ</t>
    </rPh>
    <rPh sb="8" eb="10">
      <t>ジッシ</t>
    </rPh>
    <rPh sb="10" eb="12">
      <t>ジョウキョウ</t>
    </rPh>
    <rPh sb="13" eb="15">
      <t>キニュウ</t>
    </rPh>
    <phoneticPr fontId="2"/>
  </si>
  <si>
    <t>検食時刻</t>
    <rPh sb="0" eb="2">
      <t>ケンショク</t>
    </rPh>
    <rPh sb="2" eb="4">
      <t>ジコク</t>
    </rPh>
    <phoneticPr fontId="2"/>
  </si>
  <si>
    <t>児童の食事
開始時刻</t>
    <rPh sb="0" eb="2">
      <t>ジドウ</t>
    </rPh>
    <rPh sb="3" eb="5">
      <t>ショクジ</t>
    </rPh>
    <rPh sb="6" eb="8">
      <t>カイシ</t>
    </rPh>
    <rPh sb="8" eb="10">
      <t>ジコク</t>
    </rPh>
    <phoneticPr fontId="2"/>
  </si>
  <si>
    <t>記録の有無</t>
    <rPh sb="0" eb="2">
      <t>キロク</t>
    </rPh>
    <rPh sb="3" eb="5">
      <t>ウム</t>
    </rPh>
    <phoneticPr fontId="2"/>
  </si>
  <si>
    <t>検食者（職名のみ）</t>
    <rPh sb="0" eb="2">
      <t>ケンショク</t>
    </rPh>
    <rPh sb="2" eb="3">
      <t>シャ</t>
    </rPh>
    <rPh sb="4" eb="6">
      <t>ショクメイ</t>
    </rPh>
    <phoneticPr fontId="2"/>
  </si>
  <si>
    <t>昼食</t>
    <rPh sb="0" eb="2">
      <t>チュウショク</t>
    </rPh>
    <phoneticPr fontId="2"/>
  </si>
  <si>
    <t>：</t>
    <phoneticPr fontId="2"/>
  </si>
  <si>
    <t>有　・　無</t>
    <rPh sb="0" eb="1">
      <t>アリ</t>
    </rPh>
    <rPh sb="4" eb="5">
      <t>ナシ</t>
    </rPh>
    <phoneticPr fontId="2"/>
  </si>
  <si>
    <t>おやつ</t>
    <phoneticPr fontId="2"/>
  </si>
  <si>
    <t>４給食の実施状況
（２）</t>
    <phoneticPr fontId="2"/>
  </si>
  <si>
    <t>「いる」の場合、前年度の状況を記入すること。</t>
    <rPh sb="8" eb="11">
      <t>ゼンネンド</t>
    </rPh>
    <rPh sb="12" eb="14">
      <t>ジョウキョウ</t>
    </rPh>
    <phoneticPr fontId="2"/>
  </si>
  <si>
    <t>出席者の職名</t>
    <rPh sb="0" eb="3">
      <t>シュッセキシャ</t>
    </rPh>
    <rPh sb="4" eb="6">
      <t>ショクメイ</t>
    </rPh>
    <phoneticPr fontId="2"/>
  </si>
  <si>
    <t>開催回数</t>
    <rPh sb="0" eb="2">
      <t>カイサイ</t>
    </rPh>
    <rPh sb="2" eb="4">
      <t>カイスウ</t>
    </rPh>
    <phoneticPr fontId="2"/>
  </si>
  <si>
    <t>会議（検討）内容</t>
    <rPh sb="0" eb="2">
      <t>カイギ</t>
    </rPh>
    <rPh sb="3" eb="5">
      <t>ケントウ</t>
    </rPh>
    <rPh sb="6" eb="8">
      <t>ナイヨウ</t>
    </rPh>
    <phoneticPr fontId="2"/>
  </si>
  <si>
    <t>　　年　　　　回</t>
    <rPh sb="2" eb="3">
      <t>ネン</t>
    </rPh>
    <rPh sb="7" eb="8">
      <t>カイ</t>
    </rPh>
    <phoneticPr fontId="2"/>
  </si>
  <si>
    <t>４給食の実施状況
（３）</t>
    <phoneticPr fontId="2"/>
  </si>
  <si>
    <t>　「いる」の場合、調査状況等を記入すること。　</t>
    <phoneticPr fontId="2"/>
  </si>
  <si>
    <t>実　施　方　法</t>
    <rPh sb="0" eb="1">
      <t>ジツ</t>
    </rPh>
    <rPh sb="2" eb="3">
      <t>シ</t>
    </rPh>
    <rPh sb="4" eb="5">
      <t>カタ</t>
    </rPh>
    <rPh sb="6" eb="7">
      <t>ホウ</t>
    </rPh>
    <phoneticPr fontId="2"/>
  </si>
  <si>
    <t>回数</t>
    <rPh sb="0" eb="2">
      <t>カイスウ</t>
    </rPh>
    <phoneticPr fontId="2"/>
  </si>
  <si>
    <t>記録</t>
    <rPh sb="0" eb="2">
      <t>キロク</t>
    </rPh>
    <phoneticPr fontId="2"/>
  </si>
  <si>
    <t>嗜好調査</t>
    <rPh sb="0" eb="2">
      <t>シコウ</t>
    </rPh>
    <rPh sb="2" eb="4">
      <t>チョウサ</t>
    </rPh>
    <phoneticPr fontId="2"/>
  </si>
  <si>
    <t>回/年</t>
    <rPh sb="0" eb="1">
      <t>カイ</t>
    </rPh>
    <rPh sb="2" eb="3">
      <t>ネン</t>
    </rPh>
    <phoneticPr fontId="2"/>
  </si>
  <si>
    <t>喫食調査</t>
    <rPh sb="0" eb="2">
      <t>キッショク</t>
    </rPh>
    <rPh sb="2" eb="4">
      <t>チョウサ</t>
    </rPh>
    <phoneticPr fontId="2"/>
  </si>
  <si>
    <t>調査結果の
献立への反映</t>
    <rPh sb="0" eb="2">
      <t>チョウサ</t>
    </rPh>
    <rPh sb="2" eb="4">
      <t>ケッカ</t>
    </rPh>
    <rPh sb="6" eb="8">
      <t>コンダテ</t>
    </rPh>
    <rPh sb="10" eb="12">
      <t>ハンエイ</t>
    </rPh>
    <phoneticPr fontId="2"/>
  </si>
  <si>
    <t>１歳児　　　　分</t>
    <rPh sb="1" eb="2">
      <t>サイ</t>
    </rPh>
    <rPh sb="2" eb="3">
      <t>ジ</t>
    </rPh>
    <rPh sb="7" eb="8">
      <t>フン</t>
    </rPh>
    <phoneticPr fontId="2"/>
  </si>
  <si>
    <t>２歳児　　　　分</t>
    <rPh sb="1" eb="2">
      <t>サイ</t>
    </rPh>
    <rPh sb="2" eb="3">
      <t>ジ</t>
    </rPh>
    <rPh sb="7" eb="8">
      <t>フン</t>
    </rPh>
    <phoneticPr fontId="2"/>
  </si>
  <si>
    <t>５　給食材料等
（１）</t>
    <phoneticPr fontId="2"/>
  </si>
  <si>
    <t>検収時の品質・衛生状態等の確認</t>
  </si>
  <si>
    <t>有　　　・　　　無</t>
    <rPh sb="0" eb="1">
      <t>アリ</t>
    </rPh>
    <rPh sb="8" eb="9">
      <t>ナシ</t>
    </rPh>
    <phoneticPr fontId="2"/>
  </si>
  <si>
    <t>生鮮食品の当日搬入</t>
  </si>
  <si>
    <t>検収記録と検収者の押印　</t>
  </si>
  <si>
    <t>在庫食品と受払簿の確認　</t>
  </si>
  <si>
    <t>有　（　　か月ごと）　　・　　　無</t>
    <rPh sb="0" eb="1">
      <t>アリ</t>
    </rPh>
    <rPh sb="6" eb="7">
      <t>ゲツ</t>
    </rPh>
    <rPh sb="16" eb="17">
      <t>ナシ</t>
    </rPh>
    <phoneticPr fontId="2"/>
  </si>
  <si>
    <t>脱脂粉乳（スキムミルク）受払台帳</t>
  </si>
  <si>
    <t>６　保健衛生管理体制
(１)感染症・食中毒対策対応
（２）</t>
    <phoneticPr fontId="2"/>
  </si>
  <si>
    <t>研　　修</t>
    <rPh sb="0" eb="1">
      <t>ケン</t>
    </rPh>
    <rPh sb="3" eb="4">
      <t>オサム</t>
    </rPh>
    <phoneticPr fontId="2"/>
  </si>
  <si>
    <t>訓　　練</t>
    <rPh sb="0" eb="1">
      <t>クン</t>
    </rPh>
    <rPh sb="3" eb="4">
      <t>ネリ</t>
    </rPh>
    <phoneticPr fontId="2"/>
  </si>
  <si>
    <t>実施年月日</t>
    <rPh sb="0" eb="2">
      <t>ジッシ</t>
    </rPh>
    <rPh sb="2" eb="5">
      <t>ネンガッピ</t>
    </rPh>
    <phoneticPr fontId="2"/>
  </si>
  <si>
    <t>令和　　　年　　　月　　　日</t>
    <rPh sb="0" eb="2">
      <t>レイワ</t>
    </rPh>
    <rPh sb="5" eb="6">
      <t>ネン</t>
    </rPh>
    <rPh sb="9" eb="10">
      <t>ツキ</t>
    </rPh>
    <rPh sb="13" eb="14">
      <t>ニチ</t>
    </rPh>
    <phoneticPr fontId="2"/>
  </si>
  <si>
    <t>６　保健衛生管理体制
(１)感染症・食中毒対策対応
（３）</t>
    <phoneticPr fontId="2"/>
  </si>
  <si>
    <t>（前回監査日以降報告実績）</t>
    <rPh sb="1" eb="3">
      <t>ゼンカイ</t>
    </rPh>
    <rPh sb="3" eb="5">
      <t>カンサ</t>
    </rPh>
    <rPh sb="5" eb="6">
      <t>ビ</t>
    </rPh>
    <rPh sb="6" eb="8">
      <t>イコウ</t>
    </rPh>
    <rPh sb="8" eb="10">
      <t>ホウコク</t>
    </rPh>
    <rPh sb="10" eb="12">
      <t>ジッセキ</t>
    </rPh>
    <phoneticPr fontId="2"/>
  </si>
  <si>
    <t>年　　月　　日</t>
    <phoneticPr fontId="2"/>
  </si>
  <si>
    <t>内容（病原体等）</t>
    <rPh sb="0" eb="2">
      <t>ナイヨウ</t>
    </rPh>
    <rPh sb="3" eb="6">
      <t>ビョウゲンタイ</t>
    </rPh>
    <rPh sb="6" eb="7">
      <t>トウ</t>
    </rPh>
    <phoneticPr fontId="2"/>
  </si>
  <si>
    <t>報告先</t>
    <rPh sb="0" eb="2">
      <t>ホウコク</t>
    </rPh>
    <rPh sb="2" eb="3">
      <t>サキ</t>
    </rPh>
    <phoneticPr fontId="2"/>
  </si>
  <si>
    <t>記　録</t>
    <rPh sb="0" eb="1">
      <t>キ</t>
    </rPh>
    <rPh sb="2" eb="3">
      <t>ロク</t>
    </rPh>
    <phoneticPr fontId="2"/>
  </si>
  <si>
    <t>　　年　　月　　日</t>
    <rPh sb="2" eb="3">
      <t>ネン</t>
    </rPh>
    <rPh sb="5" eb="6">
      <t>ツキ</t>
    </rPh>
    <rPh sb="8" eb="9">
      <t>ニチ</t>
    </rPh>
    <phoneticPr fontId="2"/>
  </si>
  <si>
    <t>所管課・保健所・（　　　）</t>
    <rPh sb="0" eb="2">
      <t>ショカン</t>
    </rPh>
    <rPh sb="2" eb="3">
      <t>カ</t>
    </rPh>
    <rPh sb="4" eb="7">
      <t>ホケンジョ</t>
    </rPh>
    <phoneticPr fontId="2"/>
  </si>
  <si>
    <t>有 ・ 無</t>
    <rPh sb="0" eb="1">
      <t>アリ</t>
    </rPh>
    <rPh sb="4" eb="5">
      <t>ナシ</t>
    </rPh>
    <phoneticPr fontId="2"/>
  </si>
  <si>
    <t>６　保健衛生管理体制
(２)調理室等の衛生管理
（３）</t>
    <phoneticPr fontId="2"/>
  </si>
  <si>
    <t>専用の作業着</t>
    <rPh sb="0" eb="2">
      <t>センヨウ</t>
    </rPh>
    <rPh sb="3" eb="6">
      <t>サギョウギ</t>
    </rPh>
    <phoneticPr fontId="2"/>
  </si>
  <si>
    <t>有　　・　　無</t>
    <rPh sb="0" eb="1">
      <t>ユウ</t>
    </rPh>
    <rPh sb="6" eb="7">
      <t>ナシ</t>
    </rPh>
    <phoneticPr fontId="2"/>
  </si>
  <si>
    <t>専用の履き物</t>
    <rPh sb="0" eb="2">
      <t>センヨウ</t>
    </rPh>
    <rPh sb="3" eb="4">
      <t>ハ</t>
    </rPh>
    <rPh sb="5" eb="6">
      <t>モノ</t>
    </rPh>
    <phoneticPr fontId="2"/>
  </si>
  <si>
    <t>マスク着用</t>
    <rPh sb="3" eb="5">
      <t>チャクヨウ</t>
    </rPh>
    <phoneticPr fontId="2"/>
  </si>
  <si>
    <t>専用の消毒・手洗い設備</t>
    <rPh sb="0" eb="2">
      <t>センヨウ</t>
    </rPh>
    <rPh sb="3" eb="5">
      <t>ショウドク</t>
    </rPh>
    <rPh sb="6" eb="8">
      <t>テアラ</t>
    </rPh>
    <rPh sb="9" eb="11">
      <t>セツビ</t>
    </rPh>
    <phoneticPr fontId="2"/>
  </si>
  <si>
    <t>６　保健衛生管理体制
(２)調理室等の衛生管理
（５）</t>
    <phoneticPr fontId="2"/>
  </si>
  <si>
    <t>原材料</t>
  </si>
  <si>
    <t>有　　　・　　　無</t>
    <rPh sb="0" eb="1">
      <t>ユウ</t>
    </rPh>
    <rPh sb="8" eb="9">
      <t>ナシ</t>
    </rPh>
    <phoneticPr fontId="2"/>
  </si>
  <si>
    <t>調理済食品</t>
  </si>
  <si>
    <t>50ｇ程度</t>
  </si>
  <si>
    <t>食品ごとに清潔な容器等に密封</t>
  </si>
  <si>
    <t>-20℃以下</t>
  </si>
  <si>
    <t>２週間以上保存</t>
  </si>
  <si>
    <t>６　保健衛生管理体制
(２)調理室等の衛生管理
（６）</t>
    <phoneticPr fontId="2"/>
  </si>
  <si>
    <t>委託先</t>
    <rPh sb="0" eb="2">
      <t>イタク</t>
    </rPh>
    <rPh sb="2" eb="3">
      <t>サキ</t>
    </rPh>
    <phoneticPr fontId="2"/>
  </si>
  <si>
    <t>期　間</t>
    <rPh sb="0" eb="1">
      <t>キ</t>
    </rPh>
    <rPh sb="2" eb="3">
      <t>アイダ</t>
    </rPh>
    <phoneticPr fontId="2"/>
  </si>
  <si>
    <t>委託内容</t>
    <rPh sb="0" eb="2">
      <t>イタク</t>
    </rPh>
    <rPh sb="2" eb="4">
      <t>ナイヨウ</t>
    </rPh>
    <phoneticPr fontId="2"/>
  </si>
  <si>
    <t>委託金額</t>
    <rPh sb="0" eb="2">
      <t>イタク</t>
    </rPh>
    <rPh sb="2" eb="4">
      <t>キンガク</t>
    </rPh>
    <phoneticPr fontId="2"/>
  </si>
  <si>
    <t>円</t>
    <rPh sb="0" eb="1">
      <t>エン</t>
    </rPh>
    <phoneticPr fontId="2"/>
  </si>
  <si>
    <t>６　保健衛生管理体制
(２)調理室等の衛生管理
１給食関係者等検便の実施状況</t>
    <rPh sb="25" eb="27">
      <t>キュウショク</t>
    </rPh>
    <rPh sb="27" eb="30">
      <t>カンケイシャ</t>
    </rPh>
    <rPh sb="30" eb="31">
      <t>トウ</t>
    </rPh>
    <rPh sb="31" eb="33">
      <t>ケンベン</t>
    </rPh>
    <rPh sb="34" eb="36">
      <t>ジッシ</t>
    </rPh>
    <rPh sb="36" eb="38">
      <t>ジョウキョウ</t>
    </rPh>
    <phoneticPr fontId="2"/>
  </si>
  <si>
    <t>調理員</t>
    <rPh sb="0" eb="3">
      <t>チョウリイン</t>
    </rPh>
    <phoneticPr fontId="2"/>
  </si>
  <si>
    <t>栄養士</t>
    <rPh sb="0" eb="3">
      <t>エイヨウシ</t>
    </rPh>
    <phoneticPr fontId="2"/>
  </si>
  <si>
    <t>調乳に従事
する保育士</t>
    <rPh sb="0" eb="2">
      <t>チョウニュウ</t>
    </rPh>
    <rPh sb="3" eb="5">
      <t>ジュウジ</t>
    </rPh>
    <rPh sb="8" eb="11">
      <t>ホイクシ</t>
    </rPh>
    <phoneticPr fontId="2"/>
  </si>
  <si>
    <t>その他</t>
    <rPh sb="2" eb="3">
      <t>タ</t>
    </rPh>
    <phoneticPr fontId="2"/>
  </si>
  <si>
    <t>対象者数</t>
    <rPh sb="0" eb="2">
      <t>タイショウ</t>
    </rPh>
    <rPh sb="2" eb="3">
      <t>シャ</t>
    </rPh>
    <rPh sb="3" eb="4">
      <t>スウ</t>
    </rPh>
    <phoneticPr fontId="2"/>
  </si>
  <si>
    <t>10
月</t>
    <rPh sb="3" eb="4">
      <t>ガツ</t>
    </rPh>
    <phoneticPr fontId="2"/>
  </si>
  <si>
    <t>実施数</t>
    <rPh sb="0" eb="2">
      <t>ジッシ</t>
    </rPh>
    <rPh sb="2" eb="3">
      <t>スウ</t>
    </rPh>
    <phoneticPr fontId="2"/>
  </si>
  <si>
    <t>検査内容</t>
    <rPh sb="0" eb="2">
      <t>ケンサ</t>
    </rPh>
    <rPh sb="2" eb="4">
      <t>ナイヨウ</t>
    </rPh>
    <phoneticPr fontId="2"/>
  </si>
  <si>
    <t>11
月</t>
    <rPh sb="3" eb="4">
      <t>ガツ</t>
    </rPh>
    <phoneticPr fontId="2"/>
  </si>
  <si>
    <t>6
月</t>
    <rPh sb="2" eb="3">
      <t>ガツ</t>
    </rPh>
    <phoneticPr fontId="2"/>
  </si>
  <si>
    <t>12
月</t>
    <rPh sb="3" eb="4">
      <t>ガツ</t>
    </rPh>
    <phoneticPr fontId="2"/>
  </si>
  <si>
    <t>7
月</t>
    <rPh sb="2" eb="3">
      <t>ガツ</t>
    </rPh>
    <phoneticPr fontId="2"/>
  </si>
  <si>
    <t>1
月</t>
    <rPh sb="2" eb="3">
      <t>ガツ</t>
    </rPh>
    <phoneticPr fontId="2"/>
  </si>
  <si>
    <t>8
月</t>
    <rPh sb="2" eb="3">
      <t>ガツ</t>
    </rPh>
    <phoneticPr fontId="2"/>
  </si>
  <si>
    <t>2
月</t>
    <rPh sb="2" eb="3">
      <t>ガツ</t>
    </rPh>
    <phoneticPr fontId="2"/>
  </si>
  <si>
    <t>9
月</t>
    <rPh sb="2" eb="3">
      <t>ガツ</t>
    </rPh>
    <phoneticPr fontId="2"/>
  </si>
  <si>
    <t>3
月</t>
    <rPh sb="2" eb="3">
      <t>ガツ</t>
    </rPh>
    <phoneticPr fontId="2"/>
  </si>
  <si>
    <t>※「検査内容」は、実施した項目を「○」で囲むこと。</t>
    <rPh sb="2" eb="4">
      <t>ケンサ</t>
    </rPh>
    <rPh sb="4" eb="6">
      <t>ナイヨウ</t>
    </rPh>
    <rPh sb="9" eb="11">
      <t>ジッシ</t>
    </rPh>
    <rPh sb="13" eb="15">
      <t>コウモク</t>
    </rPh>
    <rPh sb="20" eb="21">
      <t>カコ</t>
    </rPh>
    <phoneticPr fontId="2"/>
  </si>
  <si>
    <t>６　保健衛生管理体制
(２)調理室等の衛生管理
２給食の実施状況</t>
    <rPh sb="25" eb="27">
      <t>キュウショク</t>
    </rPh>
    <rPh sb="28" eb="30">
      <t>ジッシ</t>
    </rPh>
    <rPh sb="30" eb="32">
      <t>ジョウキョウ</t>
    </rPh>
    <phoneticPr fontId="2"/>
  </si>
  <si>
    <t>4月</t>
    <rPh sb="1" eb="2">
      <t>ガツ</t>
    </rPh>
    <phoneticPr fontId="2"/>
  </si>
  <si>
    <t>5月</t>
    <rPh sb="1" eb="2">
      <t>ガツ</t>
    </rPh>
    <phoneticPr fontId="2"/>
  </si>
  <si>
    <t>6月</t>
    <rPh sb="1" eb="2">
      <t>ガツ</t>
    </rPh>
    <phoneticPr fontId="2"/>
  </si>
  <si>
    <t>7月</t>
    <rPh sb="1" eb="2">
      <t>ガツ</t>
    </rPh>
    <phoneticPr fontId="2"/>
  </si>
  <si>
    <t>8月</t>
    <rPh sb="1" eb="2">
      <t>ガツ</t>
    </rPh>
    <phoneticPr fontId="2"/>
  </si>
  <si>
    <t>9月</t>
    <rPh sb="1" eb="2">
      <t>ガツ</t>
    </rPh>
    <phoneticPr fontId="2"/>
  </si>
  <si>
    <t>10月</t>
    <rPh sb="2" eb="3">
      <t>ガツ</t>
    </rPh>
    <phoneticPr fontId="2"/>
  </si>
  <si>
    <t>延べ人員（人）</t>
    <rPh sb="0" eb="1">
      <t>ノ</t>
    </rPh>
    <rPh sb="2" eb="4">
      <t>ジンイン</t>
    </rPh>
    <rPh sb="5" eb="6">
      <t>ヒト</t>
    </rPh>
    <phoneticPr fontId="2"/>
  </si>
  <si>
    <t>給　 食
材料費</t>
    <rPh sb="0" eb="1">
      <t>キュウ</t>
    </rPh>
    <rPh sb="3" eb="4">
      <t>ショク</t>
    </rPh>
    <rPh sb="5" eb="8">
      <t>ザイリョウヒ</t>
    </rPh>
    <phoneticPr fontId="2"/>
  </si>
  <si>
    <t>総額（円）</t>
    <rPh sb="0" eb="2">
      <t>ソウガク</t>
    </rPh>
    <rPh sb="3" eb="4">
      <t>エン</t>
    </rPh>
    <phoneticPr fontId="2"/>
  </si>
  <si>
    <t>11月</t>
    <rPh sb="2" eb="3">
      <t>ガツ</t>
    </rPh>
    <phoneticPr fontId="2"/>
  </si>
  <si>
    <t>12月</t>
    <rPh sb="2" eb="3">
      <t>ガツ</t>
    </rPh>
    <phoneticPr fontId="2"/>
  </si>
  <si>
    <t>1月</t>
    <rPh sb="1" eb="2">
      <t>ガツ</t>
    </rPh>
    <phoneticPr fontId="2"/>
  </si>
  <si>
    <t>2月</t>
    <rPh sb="1" eb="2">
      <t>ガツ</t>
    </rPh>
    <phoneticPr fontId="2"/>
  </si>
  <si>
    <t>3月</t>
    <rPh sb="1" eb="2">
      <t>ガツ</t>
    </rPh>
    <phoneticPr fontId="2"/>
  </si>
  <si>
    <t>合　　　計</t>
    <rPh sb="0" eb="1">
      <t>ゴウ</t>
    </rPh>
    <rPh sb="4" eb="5">
      <t>ケイ</t>
    </rPh>
    <phoneticPr fontId="2"/>
  </si>
  <si>
    <t>実施時間帯及び回数</t>
    <rPh sb="0" eb="2">
      <t>ジッシ</t>
    </rPh>
    <rPh sb="2" eb="5">
      <t>ジカンタイ</t>
    </rPh>
    <rPh sb="5" eb="6">
      <t>オヨ</t>
    </rPh>
    <rPh sb="7" eb="9">
      <t>カイスウ</t>
    </rPh>
    <phoneticPr fontId="2"/>
  </si>
  <si>
    <t>実施方法</t>
    <rPh sb="0" eb="1">
      <t>ジツ</t>
    </rPh>
    <rPh sb="1" eb="2">
      <t>シ</t>
    </rPh>
    <rPh sb="2" eb="3">
      <t>カタ</t>
    </rPh>
    <rPh sb="3" eb="4">
      <t>ホウ</t>
    </rPh>
    <phoneticPr fontId="2"/>
  </si>
  <si>
    <t>保育室等</t>
    <rPh sb="0" eb="3">
      <t>ホイクシツ</t>
    </rPh>
    <rPh sb="3" eb="4">
      <t>トウ</t>
    </rPh>
    <phoneticPr fontId="2"/>
  </si>
  <si>
    <t>便　所</t>
    <rPh sb="0" eb="1">
      <t>ビン</t>
    </rPh>
    <rPh sb="2" eb="3">
      <t>ショ</t>
    </rPh>
    <phoneticPr fontId="2"/>
  </si>
  <si>
    <t>寝　具</t>
    <rPh sb="0" eb="1">
      <t>ネ</t>
    </rPh>
    <rPh sb="2" eb="3">
      <t>グ</t>
    </rPh>
    <phoneticPr fontId="2"/>
  </si>
  <si>
    <t>おもちゃ等</t>
    <rPh sb="4" eb="5">
      <t>トウ</t>
    </rPh>
    <phoneticPr fontId="2"/>
  </si>
  <si>
    <t>６　保健衛生管理体制
（４）水質管理
（１）</t>
    <rPh sb="14" eb="16">
      <t>スイシツ</t>
    </rPh>
    <rPh sb="16" eb="18">
      <t>カンリ</t>
    </rPh>
    <phoneticPr fontId="2"/>
  </si>
  <si>
    <t>点検及び清掃の実施状況</t>
    <rPh sb="0" eb="2">
      <t>テンケン</t>
    </rPh>
    <rPh sb="2" eb="3">
      <t>オヨ</t>
    </rPh>
    <rPh sb="4" eb="6">
      <t>セイソウ</t>
    </rPh>
    <rPh sb="7" eb="9">
      <t>ジッシ</t>
    </rPh>
    <rPh sb="9" eb="11">
      <t>ジョウキョウ</t>
    </rPh>
    <phoneticPr fontId="2"/>
  </si>
  <si>
    <t>指定検査機関名</t>
    <rPh sb="0" eb="2">
      <t>シテイ</t>
    </rPh>
    <rPh sb="2" eb="4">
      <t>ケンサ</t>
    </rPh>
    <rPh sb="4" eb="6">
      <t>キカン</t>
    </rPh>
    <rPh sb="6" eb="7">
      <t>メイ</t>
    </rPh>
    <phoneticPr fontId="2"/>
  </si>
  <si>
    <t>内容及び結果等</t>
    <rPh sb="0" eb="2">
      <t>ナイヨウ</t>
    </rPh>
    <rPh sb="2" eb="3">
      <t>オヨ</t>
    </rPh>
    <rPh sb="4" eb="6">
      <t>ケッカ</t>
    </rPh>
    <rPh sb="6" eb="7">
      <t>トウ</t>
    </rPh>
    <phoneticPr fontId="2"/>
  </si>
  <si>
    <t>令和　　年　　月　　日</t>
    <rPh sb="0" eb="2">
      <t>レイワ</t>
    </rPh>
    <rPh sb="4" eb="5">
      <t>ネン</t>
    </rPh>
    <rPh sb="7" eb="8">
      <t>ツキ</t>
    </rPh>
    <rPh sb="10" eb="11">
      <t>ヒ</t>
    </rPh>
    <phoneticPr fontId="2"/>
  </si>
  <si>
    <t>水質検査の実施状況</t>
    <phoneticPr fontId="2"/>
  </si>
  <si>
    <t>６　保健衛生管理体制
（４）水質管理
（２）</t>
    <phoneticPr fontId="2"/>
  </si>
  <si>
    <t>６　保健衛生管理体制
（４）水質管理
（３）</t>
    <phoneticPr fontId="2"/>
  </si>
  <si>
    <t>清掃及び点検の状況</t>
    <rPh sb="0" eb="2">
      <t>セイソウ</t>
    </rPh>
    <rPh sb="2" eb="3">
      <t>オヨ</t>
    </rPh>
    <rPh sb="4" eb="6">
      <t>テンケン</t>
    </rPh>
    <rPh sb="7" eb="9">
      <t>ジョウキョウ</t>
    </rPh>
    <phoneticPr fontId="2"/>
  </si>
  <si>
    <t>７　防火体制の状況
（１）</t>
    <rPh sb="2" eb="4">
      <t>ボウカ</t>
    </rPh>
    <rPh sb="4" eb="6">
      <t>タイセイ</t>
    </rPh>
    <rPh sb="7" eb="9">
      <t>ジョウキョウ</t>
    </rPh>
    <phoneticPr fontId="2"/>
  </si>
  <si>
    <t>平成</t>
    <rPh sb="0" eb="2">
      <t>ヘイセイ</t>
    </rPh>
    <phoneticPr fontId="2"/>
  </si>
  <si>
    <t>　　年　　　　月　　　　日</t>
    <rPh sb="2" eb="3">
      <t>ネン</t>
    </rPh>
    <rPh sb="7" eb="8">
      <t>ツキ</t>
    </rPh>
    <rPh sb="12" eb="13">
      <t>ヒ</t>
    </rPh>
    <phoneticPr fontId="2"/>
  </si>
  <si>
    <t>令和</t>
    <rPh sb="0" eb="2">
      <t>レイワ</t>
    </rPh>
    <phoneticPr fontId="2"/>
  </si>
  <si>
    <t>７　防火体制の状況
（２）</t>
    <rPh sb="2" eb="4">
      <t>ボウカ</t>
    </rPh>
    <rPh sb="4" eb="6">
      <t>タイセイ</t>
    </rPh>
    <rPh sb="7" eb="9">
      <t>ジョウキョウ</t>
    </rPh>
    <phoneticPr fontId="2"/>
  </si>
  <si>
    <t>職　名</t>
    <rPh sb="0" eb="1">
      <t>ショク</t>
    </rPh>
    <rPh sb="2" eb="3">
      <t>ナ</t>
    </rPh>
    <phoneticPr fontId="2"/>
  </si>
  <si>
    <t>防火管理者講習修了証書</t>
    <rPh sb="0" eb="2">
      <t>ボウカ</t>
    </rPh>
    <rPh sb="2" eb="5">
      <t>カンリシャ</t>
    </rPh>
    <rPh sb="5" eb="7">
      <t>コウシュウ</t>
    </rPh>
    <rPh sb="7" eb="9">
      <t>シュウリョウ</t>
    </rPh>
    <rPh sb="9" eb="11">
      <t>ショウショ</t>
    </rPh>
    <phoneticPr fontId="2"/>
  </si>
  <si>
    <t>第　　　　号</t>
    <rPh sb="0" eb="1">
      <t>ダイ</t>
    </rPh>
    <rPh sb="5" eb="6">
      <t>ゴウ</t>
    </rPh>
    <phoneticPr fontId="2"/>
  </si>
  <si>
    <t>選任年月日</t>
    <rPh sb="0" eb="2">
      <t>センニン</t>
    </rPh>
    <rPh sb="2" eb="5">
      <t>ネンガッピ</t>
    </rPh>
    <phoneticPr fontId="2"/>
  </si>
  <si>
    <t>年　　　　　月　　　　　日</t>
    <rPh sb="0" eb="1">
      <t>ネン</t>
    </rPh>
    <rPh sb="6" eb="7">
      <t>ツキ</t>
    </rPh>
    <rPh sb="12" eb="13">
      <t>ヒ</t>
    </rPh>
    <phoneticPr fontId="2"/>
  </si>
  <si>
    <t>７　防火体制の状況
（４）</t>
    <phoneticPr fontId="2"/>
  </si>
  <si>
    <t>※消防設備点検資格者による点検状況</t>
    <rPh sb="1" eb="3">
      <t>ショウボウ</t>
    </rPh>
    <rPh sb="3" eb="5">
      <t>セツビ</t>
    </rPh>
    <rPh sb="5" eb="7">
      <t>テンケン</t>
    </rPh>
    <rPh sb="7" eb="9">
      <t>シカク</t>
    </rPh>
    <rPh sb="9" eb="10">
      <t>シャ</t>
    </rPh>
    <rPh sb="13" eb="15">
      <t>テンケン</t>
    </rPh>
    <rPh sb="15" eb="17">
      <t>ジョウキョウ</t>
    </rPh>
    <phoneticPr fontId="2"/>
  </si>
  <si>
    <t>実　施　年　月　日</t>
    <rPh sb="0" eb="1">
      <t>ジツ</t>
    </rPh>
    <rPh sb="2" eb="3">
      <t>シ</t>
    </rPh>
    <rPh sb="4" eb="5">
      <t>ネン</t>
    </rPh>
    <rPh sb="6" eb="7">
      <t>ツキ</t>
    </rPh>
    <rPh sb="8" eb="9">
      <t>ニチ</t>
    </rPh>
    <phoneticPr fontId="2"/>
  </si>
  <si>
    <t>　令和　　　　　年　　　　　月　　　　　日</t>
    <rPh sb="1" eb="3">
      <t>レイワ</t>
    </rPh>
    <rPh sb="8" eb="9">
      <t>ネン</t>
    </rPh>
    <rPh sb="14" eb="15">
      <t>ツキ</t>
    </rPh>
    <rPh sb="20" eb="21">
      <t>ヒ</t>
    </rPh>
    <phoneticPr fontId="2"/>
  </si>
  <si>
    <t>消防局長又は消防署長への
報告年月日</t>
    <rPh sb="0" eb="2">
      <t>ショウボウ</t>
    </rPh>
    <rPh sb="2" eb="4">
      <t>キョクチョウ</t>
    </rPh>
    <rPh sb="4" eb="5">
      <t>マタ</t>
    </rPh>
    <rPh sb="6" eb="9">
      <t>ショウボウショ</t>
    </rPh>
    <rPh sb="9" eb="10">
      <t>チョウ</t>
    </rPh>
    <rPh sb="13" eb="15">
      <t>ホウコク</t>
    </rPh>
    <rPh sb="15" eb="18">
      <t>ネンガッピ</t>
    </rPh>
    <phoneticPr fontId="2"/>
  </si>
  <si>
    <t>７　防火体制の状況
（５）</t>
    <phoneticPr fontId="2"/>
  </si>
  <si>
    <t>前年度の自主点検実施回数</t>
    <rPh sb="0" eb="3">
      <t>ゼンネンド</t>
    </rPh>
    <rPh sb="4" eb="6">
      <t>ジシュ</t>
    </rPh>
    <rPh sb="6" eb="8">
      <t>テンケン</t>
    </rPh>
    <rPh sb="8" eb="10">
      <t>ジッシ</t>
    </rPh>
    <rPh sb="10" eb="12">
      <t>カイスウ</t>
    </rPh>
    <phoneticPr fontId="2"/>
  </si>
  <si>
    <t>７　防火体制の状況
（７）</t>
    <phoneticPr fontId="2"/>
  </si>
  <si>
    <t>消防職員
立入検査実施年月日</t>
    <rPh sb="0" eb="2">
      <t>ショウボウ</t>
    </rPh>
    <rPh sb="2" eb="4">
      <t>ショクイン</t>
    </rPh>
    <rPh sb="5" eb="7">
      <t>タチイリ</t>
    </rPh>
    <rPh sb="7" eb="9">
      <t>ケンサ</t>
    </rPh>
    <rPh sb="9" eb="11">
      <t>ジッシ</t>
    </rPh>
    <rPh sb="11" eb="14">
      <t>ネンガッピ</t>
    </rPh>
    <phoneticPr fontId="2"/>
  </si>
  <si>
    <t>７　防火体制の状況
（８）</t>
    <phoneticPr fontId="2"/>
  </si>
  <si>
    <t>指摘事項</t>
    <rPh sb="0" eb="2">
      <t>シテキ</t>
    </rPh>
    <rPh sb="2" eb="4">
      <t>ジコウ</t>
    </rPh>
    <phoneticPr fontId="2"/>
  </si>
  <si>
    <t>改善措置</t>
    <rPh sb="0" eb="2">
      <t>カイゼン</t>
    </rPh>
    <rPh sb="2" eb="4">
      <t>ソチ</t>
    </rPh>
    <phoneticPr fontId="2"/>
  </si>
  <si>
    <t>７　防火体制の状況
（１０）</t>
    <phoneticPr fontId="2"/>
  </si>
  <si>
    <t>地　　　震</t>
    <rPh sb="0" eb="1">
      <t>チ</t>
    </rPh>
    <rPh sb="4" eb="5">
      <t>シン</t>
    </rPh>
    <phoneticPr fontId="2"/>
  </si>
  <si>
    <t>いる　　・　　いない</t>
    <phoneticPr fontId="2"/>
  </si>
  <si>
    <t>火　　　災</t>
    <rPh sb="0" eb="1">
      <t>ヒ</t>
    </rPh>
    <rPh sb="4" eb="5">
      <t>サイ</t>
    </rPh>
    <phoneticPr fontId="2"/>
  </si>
  <si>
    <t>風　水　害</t>
    <rPh sb="0" eb="1">
      <t>カゼ</t>
    </rPh>
    <rPh sb="2" eb="3">
      <t>ミズ</t>
    </rPh>
    <rPh sb="4" eb="5">
      <t>ガイ</t>
    </rPh>
    <phoneticPr fontId="2"/>
  </si>
  <si>
    <t>火 山 災 害</t>
    <rPh sb="0" eb="1">
      <t>ヒ</t>
    </rPh>
    <rPh sb="2" eb="3">
      <t>ヤマ</t>
    </rPh>
    <rPh sb="4" eb="5">
      <t>サイ</t>
    </rPh>
    <rPh sb="6" eb="7">
      <t>ガイ</t>
    </rPh>
    <phoneticPr fontId="2"/>
  </si>
  <si>
    <t>いる　　・　　いない　　・　　対象外</t>
    <rPh sb="15" eb="18">
      <t>タイショウガイ</t>
    </rPh>
    <phoneticPr fontId="2"/>
  </si>
  <si>
    <t>その他（　　　　　　）</t>
    <rPh sb="2" eb="3">
      <t>タ</t>
    </rPh>
    <phoneticPr fontId="2"/>
  </si>
  <si>
    <t>７　防火体制の状況
（１３）</t>
    <phoneticPr fontId="2"/>
  </si>
  <si>
    <t>品目や数量</t>
    <rPh sb="0" eb="2">
      <t>ヒンモク</t>
    </rPh>
    <rPh sb="3" eb="5">
      <t>スウリョウ</t>
    </rPh>
    <phoneticPr fontId="2"/>
  </si>
  <si>
    <t>備蓄場所</t>
    <rPh sb="0" eb="2">
      <t>ビチク</t>
    </rPh>
    <rPh sb="2" eb="4">
      <t>バショ</t>
    </rPh>
    <phoneticPr fontId="2"/>
  </si>
  <si>
    <t>食　 糧</t>
    <rPh sb="0" eb="1">
      <t>ショク</t>
    </rPh>
    <rPh sb="3" eb="4">
      <t>カテ</t>
    </rPh>
    <phoneticPr fontId="2"/>
  </si>
  <si>
    <t>飲料水</t>
    <rPh sb="0" eb="3">
      <t>インリョウスイ</t>
    </rPh>
    <phoneticPr fontId="2"/>
  </si>
  <si>
    <t>合計（　　　　　　　）リットル</t>
    <rPh sb="0" eb="2">
      <t>ゴウケイ</t>
    </rPh>
    <phoneticPr fontId="2"/>
  </si>
  <si>
    <t>８　防災訓練の実施状況
（６）</t>
    <phoneticPr fontId="2"/>
  </si>
  <si>
    <t>水防法</t>
    <rPh sb="0" eb="2">
      <t>スイボウ</t>
    </rPh>
    <rPh sb="2" eb="3">
      <t>ホウ</t>
    </rPh>
    <phoneticPr fontId="2"/>
  </si>
  <si>
    <t>浸水想定区域内</t>
    <rPh sb="0" eb="2">
      <t>シンスイ</t>
    </rPh>
    <rPh sb="2" eb="4">
      <t>ソウテイ</t>
    </rPh>
    <rPh sb="4" eb="7">
      <t>クイキナイ</t>
    </rPh>
    <phoneticPr fontId="2"/>
  </si>
  <si>
    <t>該当（要下記回答）・非該当</t>
    <rPh sb="0" eb="2">
      <t>ガイトウ</t>
    </rPh>
    <rPh sb="3" eb="4">
      <t>ヨウ</t>
    </rPh>
    <rPh sb="4" eb="6">
      <t>カキ</t>
    </rPh>
    <rPh sb="6" eb="8">
      <t>カイトウ</t>
    </rPh>
    <rPh sb="10" eb="13">
      <t>ヒガイトウ</t>
    </rPh>
    <phoneticPr fontId="2"/>
  </si>
  <si>
    <t>避難確保計画</t>
    <rPh sb="0" eb="2">
      <t>ヒナン</t>
    </rPh>
    <rPh sb="2" eb="4">
      <t>カクホ</t>
    </rPh>
    <rPh sb="4" eb="6">
      <t>ケイカク</t>
    </rPh>
    <phoneticPr fontId="2"/>
  </si>
  <si>
    <t>作　成</t>
    <rPh sb="0" eb="1">
      <t>サク</t>
    </rPh>
    <rPh sb="2" eb="3">
      <t>シゲル</t>
    </rPh>
    <phoneticPr fontId="2"/>
  </si>
  <si>
    <t>している　・　していない</t>
    <phoneticPr fontId="2"/>
  </si>
  <si>
    <t>保育幼稚園
課への報告</t>
    <rPh sb="0" eb="2">
      <t>ホイク</t>
    </rPh>
    <rPh sb="2" eb="5">
      <t>ヨウチエン</t>
    </rPh>
    <rPh sb="6" eb="7">
      <t>カ</t>
    </rPh>
    <rPh sb="9" eb="11">
      <t>ホウコク</t>
    </rPh>
    <phoneticPr fontId="2"/>
  </si>
  <si>
    <t>土砂災害防止法</t>
    <rPh sb="0" eb="2">
      <t>ドシャ</t>
    </rPh>
    <rPh sb="2" eb="4">
      <t>サイガイ</t>
    </rPh>
    <rPh sb="4" eb="6">
      <t>ボウシ</t>
    </rPh>
    <rPh sb="6" eb="7">
      <t>ホウ</t>
    </rPh>
    <phoneticPr fontId="2"/>
  </si>
  <si>
    <t>８　防災訓練の実施状況
１防災設備の整備状況</t>
    <rPh sb="13" eb="15">
      <t>ボウサイ</t>
    </rPh>
    <rPh sb="15" eb="17">
      <t>セツビ</t>
    </rPh>
    <rPh sb="18" eb="20">
      <t>セイビ</t>
    </rPh>
    <rPh sb="20" eb="22">
      <t>ジョウキョウ</t>
    </rPh>
    <phoneticPr fontId="2"/>
  </si>
  <si>
    <t>施設・設備</t>
    <rPh sb="0" eb="2">
      <t>シセツ</t>
    </rPh>
    <rPh sb="3" eb="5">
      <t>セツビ</t>
    </rPh>
    <phoneticPr fontId="2"/>
  </si>
  <si>
    <t>消防法令による
設備義務</t>
    <rPh sb="0" eb="2">
      <t>ショウボウ</t>
    </rPh>
    <rPh sb="2" eb="4">
      <t>ホウレイ</t>
    </rPh>
    <rPh sb="8" eb="10">
      <t>セツビ</t>
    </rPh>
    <rPh sb="10" eb="12">
      <t>ギム</t>
    </rPh>
    <phoneticPr fontId="2"/>
  </si>
  <si>
    <t>整　備　状　況</t>
    <rPh sb="0" eb="1">
      <t>ヒトシ</t>
    </rPh>
    <rPh sb="2" eb="3">
      <t>ビ</t>
    </rPh>
    <rPh sb="4" eb="5">
      <t>ジョウ</t>
    </rPh>
    <rPh sb="6" eb="7">
      <t>キョウ</t>
    </rPh>
    <phoneticPr fontId="2"/>
  </si>
  <si>
    <t>防火設備</t>
    <rPh sb="0" eb="2">
      <t>ボウカ</t>
    </rPh>
    <rPh sb="2" eb="4">
      <t>セツビ</t>
    </rPh>
    <phoneticPr fontId="2"/>
  </si>
  <si>
    <t>避難階段</t>
    <rPh sb="0" eb="2">
      <t>ヒナン</t>
    </rPh>
    <rPh sb="2" eb="4">
      <t>カイダン</t>
    </rPh>
    <phoneticPr fontId="2"/>
  </si>
  <si>
    <t>有（　　　カ所）　　・　　無</t>
    <rPh sb="0" eb="1">
      <t>ア</t>
    </rPh>
    <rPh sb="6" eb="7">
      <t>ショ</t>
    </rPh>
    <rPh sb="13" eb="14">
      <t>ナシ</t>
    </rPh>
    <phoneticPr fontId="2"/>
  </si>
  <si>
    <t>避難口</t>
    <rPh sb="0" eb="2">
      <t>ヒナン</t>
    </rPh>
    <rPh sb="2" eb="3">
      <t>グチ</t>
    </rPh>
    <phoneticPr fontId="2"/>
  </si>
  <si>
    <t>適　　・　　不適</t>
    <rPh sb="0" eb="1">
      <t>テキ</t>
    </rPh>
    <rPh sb="6" eb="8">
      <t>フテキ</t>
    </rPh>
    <phoneticPr fontId="2"/>
  </si>
  <si>
    <t>防火戸・防火シャッター</t>
    <rPh sb="0" eb="3">
      <t>ボウカド</t>
    </rPh>
    <rPh sb="4" eb="6">
      <t>ボウカ</t>
    </rPh>
    <phoneticPr fontId="2"/>
  </si>
  <si>
    <t>消　防　用　設　備</t>
    <rPh sb="0" eb="1">
      <t>ショウ</t>
    </rPh>
    <rPh sb="2" eb="3">
      <t>ボウ</t>
    </rPh>
    <rPh sb="4" eb="5">
      <t>ヨウ</t>
    </rPh>
    <rPh sb="6" eb="7">
      <t>セツ</t>
    </rPh>
    <rPh sb="8" eb="9">
      <t>ビ</t>
    </rPh>
    <phoneticPr fontId="2"/>
  </si>
  <si>
    <t>屋内消火栓設備</t>
  </si>
  <si>
    <t>屋外消火栓設備</t>
  </si>
  <si>
    <t>スプリンクラー設備</t>
  </si>
  <si>
    <t>自動火災報知設備</t>
  </si>
  <si>
    <t>火災通報装置</t>
  </si>
  <si>
    <t>漏電火災報知設備</t>
  </si>
  <si>
    <t>非常警報設備</t>
  </si>
  <si>
    <t>避難器具（すべり台・救助袋等）</t>
  </si>
  <si>
    <t>誘導灯及び誘導標識</t>
  </si>
  <si>
    <t>消防用水</t>
  </si>
  <si>
    <t>非常電源装置</t>
  </si>
  <si>
    <t>消火器</t>
  </si>
  <si>
    <t>ガス漏れ警報器</t>
  </si>
  <si>
    <t>カーテン・布製ブラインド等の防炎性能</t>
    <phoneticPr fontId="2"/>
  </si>
  <si>
    <t>有</t>
    <rPh sb="0" eb="1">
      <t>ユウ</t>
    </rPh>
    <phoneticPr fontId="2"/>
  </si>
  <si>
    <t>防災用具
（避難用具）</t>
    <phoneticPr fontId="2"/>
  </si>
  <si>
    <t>８　防災訓練の実施状況
２　防災訓練の実施状況</t>
    <phoneticPr fontId="2"/>
  </si>
  <si>
    <t>実施日</t>
    <rPh sb="0" eb="3">
      <t>ジッシビ</t>
    </rPh>
    <phoneticPr fontId="2"/>
  </si>
  <si>
    <t>想定した災害</t>
    <phoneticPr fontId="2"/>
  </si>
  <si>
    <t>内容</t>
    <phoneticPr fontId="2"/>
  </si>
  <si>
    <t>消防機関への
通報</t>
    <phoneticPr fontId="2"/>
  </si>
  <si>
    <t>消防機関の
立会い</t>
    <phoneticPr fontId="2"/>
  </si>
  <si>
    <t>実施記録</t>
    <phoneticPr fontId="2"/>
  </si>
  <si>
    <t>備　考</t>
    <phoneticPr fontId="2"/>
  </si>
  <si>
    <t>火災・風水害・地震
その他（　　　　）</t>
    <phoneticPr fontId="2"/>
  </si>
  <si>
    <t>避 難
消 火
通 報</t>
    <phoneticPr fontId="2"/>
  </si>
  <si>
    <t>有　 ・　 無</t>
    <phoneticPr fontId="2"/>
  </si>
  <si>
    <t>９　連携施設
（１）</t>
    <rPh sb="2" eb="4">
      <t>レンケイ</t>
    </rPh>
    <rPh sb="4" eb="6">
      <t>シセツ</t>
    </rPh>
    <phoneticPr fontId="2"/>
  </si>
  <si>
    <t>確保している場合</t>
    <rPh sb="0" eb="2">
      <t>カクホ</t>
    </rPh>
    <rPh sb="6" eb="8">
      <t>バアイ</t>
    </rPh>
    <phoneticPr fontId="2"/>
  </si>
  <si>
    <t>連携施設の名称</t>
    <rPh sb="0" eb="2">
      <t>レンケイ</t>
    </rPh>
    <rPh sb="2" eb="4">
      <t>シセツ</t>
    </rPh>
    <rPh sb="5" eb="7">
      <t>メイショウ</t>
    </rPh>
    <phoneticPr fontId="2"/>
  </si>
  <si>
    <t>９　連携施設
（3）</t>
    <phoneticPr fontId="2"/>
  </si>
  <si>
    <t>連携協力の内容</t>
    <rPh sb="0" eb="2">
      <t>レンケイ</t>
    </rPh>
    <rPh sb="2" eb="4">
      <t>キョウリョク</t>
    </rPh>
    <rPh sb="5" eb="7">
      <t>ナイヨウ</t>
    </rPh>
    <phoneticPr fontId="2"/>
  </si>
  <si>
    <t>保育内容の
支援</t>
    <rPh sb="0" eb="2">
      <t>ホイク</t>
    </rPh>
    <rPh sb="2" eb="4">
      <t>ナイヨウ</t>
    </rPh>
    <rPh sb="6" eb="8">
      <t>シエン</t>
    </rPh>
    <phoneticPr fontId="2"/>
  </si>
  <si>
    <t>集団保育の体験</t>
    <rPh sb="0" eb="2">
      <t>シュウダン</t>
    </rPh>
    <rPh sb="2" eb="4">
      <t>ホイク</t>
    </rPh>
    <rPh sb="5" eb="7">
      <t>タイケン</t>
    </rPh>
    <phoneticPr fontId="2"/>
  </si>
  <si>
    <t>保育の適切な提供に対する相談・助言等</t>
    <rPh sb="0" eb="2">
      <t>ホイク</t>
    </rPh>
    <rPh sb="3" eb="5">
      <t>テキセツ</t>
    </rPh>
    <rPh sb="6" eb="8">
      <t>テイキョウ</t>
    </rPh>
    <rPh sb="9" eb="10">
      <t>タイ</t>
    </rPh>
    <rPh sb="12" eb="14">
      <t>ソウダン</t>
    </rPh>
    <rPh sb="15" eb="17">
      <t>ジョゲン</t>
    </rPh>
    <rPh sb="17" eb="18">
      <t>トウ</t>
    </rPh>
    <phoneticPr fontId="2"/>
  </si>
  <si>
    <t>その他：</t>
    <rPh sb="2" eb="3">
      <t>タ</t>
    </rPh>
    <phoneticPr fontId="2"/>
  </si>
  <si>
    <t>代替保育の提供</t>
    <rPh sb="0" eb="2">
      <t>ダイタイ</t>
    </rPh>
    <rPh sb="2" eb="4">
      <t>ホイク</t>
    </rPh>
    <rPh sb="5" eb="7">
      <t>テイキョウ</t>
    </rPh>
    <phoneticPr fontId="2"/>
  </si>
  <si>
    <t>卒園後の受け入れ</t>
    <rPh sb="0" eb="2">
      <t>ソツエン</t>
    </rPh>
    <rPh sb="2" eb="3">
      <t>ゴ</t>
    </rPh>
    <rPh sb="4" eb="5">
      <t>ウ</t>
    </rPh>
    <rPh sb="6" eb="7">
      <t>イ</t>
    </rPh>
    <phoneticPr fontId="2"/>
  </si>
  <si>
    <t>10　事故防止及び事故発生時の対応
（５）</t>
    <phoneticPr fontId="2"/>
  </si>
  <si>
    <t>（前年度実績）</t>
    <phoneticPr fontId="2"/>
  </si>
  <si>
    <t>実施年月日</t>
    <phoneticPr fontId="2"/>
  </si>
  <si>
    <t>実施内容</t>
    <rPh sb="0" eb="4">
      <t>ジッシナイヨウ</t>
    </rPh>
    <phoneticPr fontId="2"/>
  </si>
  <si>
    <t>警察等関係機関
の立会い</t>
    <phoneticPr fontId="2"/>
  </si>
  <si>
    <t>実施記録</t>
    <rPh sb="0" eb="4">
      <t>ジッシキロク</t>
    </rPh>
    <phoneticPr fontId="2"/>
  </si>
  <si>
    <t>防犯訓練・防犯教室
その他（　　　　）</t>
    <phoneticPr fontId="2"/>
  </si>
  <si>
    <t>有 ・ 無</t>
    <phoneticPr fontId="2"/>
  </si>
  <si>
    <t>０歳児：　　　　分おき</t>
    <rPh sb="1" eb="2">
      <t>サイ</t>
    </rPh>
    <rPh sb="2" eb="3">
      <t>ジ</t>
    </rPh>
    <rPh sb="8" eb="9">
      <t>フン</t>
    </rPh>
    <phoneticPr fontId="2"/>
  </si>
  <si>
    <t>１歳児：　　　　分おき</t>
    <rPh sb="1" eb="2">
      <t>サイ</t>
    </rPh>
    <rPh sb="2" eb="3">
      <t>ジ</t>
    </rPh>
    <rPh sb="8" eb="9">
      <t>フン</t>
    </rPh>
    <phoneticPr fontId="2"/>
  </si>
  <si>
    <t>２歳児：　　　　分おき</t>
    <rPh sb="1" eb="2">
      <t>サイ</t>
    </rPh>
    <rPh sb="2" eb="3">
      <t>ジ</t>
    </rPh>
    <rPh sb="8" eb="9">
      <t>フン</t>
    </rPh>
    <phoneticPr fontId="2"/>
  </si>
  <si>
    <t>３歳児：　　　　分おき</t>
    <rPh sb="1" eb="2">
      <t>サイ</t>
    </rPh>
    <rPh sb="2" eb="3">
      <t>ジ</t>
    </rPh>
    <rPh sb="8" eb="9">
      <t>フン</t>
    </rPh>
    <phoneticPr fontId="2"/>
  </si>
  <si>
    <t>４歳児：　　　　分おき</t>
    <rPh sb="1" eb="2">
      <t>サイ</t>
    </rPh>
    <rPh sb="2" eb="3">
      <t>ジ</t>
    </rPh>
    <rPh sb="8" eb="9">
      <t>フン</t>
    </rPh>
    <phoneticPr fontId="2"/>
  </si>
  <si>
    <t>５歳児：　　　　分おき</t>
    <rPh sb="1" eb="2">
      <t>サイ</t>
    </rPh>
    <rPh sb="2" eb="3">
      <t>ジ</t>
    </rPh>
    <rPh sb="8" eb="9">
      <t>フン</t>
    </rPh>
    <phoneticPr fontId="2"/>
  </si>
  <si>
    <t>①事故記録簿に記載した件数
　（未解決・未処理件数）</t>
    <rPh sb="1" eb="6">
      <t>ジコキロクボ</t>
    </rPh>
    <rPh sb="7" eb="9">
      <t>キサイ</t>
    </rPh>
    <rPh sb="11" eb="13">
      <t>ケンスウ</t>
    </rPh>
    <phoneticPr fontId="2"/>
  </si>
  <si>
    <t>件
（　　　　件）</t>
    <rPh sb="0" eb="1">
      <t>ケン</t>
    </rPh>
    <rPh sb="7" eb="8">
      <t>ケン</t>
    </rPh>
    <phoneticPr fontId="2"/>
  </si>
  <si>
    <t>重篤な事故</t>
    <rPh sb="0" eb="2">
      <t>ジュウトク</t>
    </rPh>
    <rPh sb="3" eb="5">
      <t>ジコ</t>
    </rPh>
    <phoneticPr fontId="2"/>
  </si>
  <si>
    <t>②　①のうち、死亡、意識不明に至った事故の件数</t>
    <phoneticPr fontId="2"/>
  </si>
  <si>
    <t>件</t>
    <rPh sb="0" eb="1">
      <t>ケン</t>
    </rPh>
    <phoneticPr fontId="2"/>
  </si>
  <si>
    <t>③　①のうち、要治療期間が３０日以上と診断さ
　れた事故の件数（右チェックポイント参照）</t>
    <phoneticPr fontId="2"/>
  </si>
  <si>
    <t>※　重篤な事故の詳細（上表に計上した前年度分及び今年度分）</t>
  </si>
  <si>
    <t>事故発生日</t>
    <phoneticPr fontId="2"/>
  </si>
  <si>
    <t>怪我等の概要
（年齢、症状）</t>
    <phoneticPr fontId="2"/>
  </si>
  <si>
    <t>完治日</t>
    <rPh sb="0" eb="3">
      <t>カンチビ</t>
    </rPh>
    <phoneticPr fontId="2"/>
  </si>
  <si>
    <t>市への報告日</t>
    <rPh sb="0" eb="1">
      <t>シ</t>
    </rPh>
    <rPh sb="3" eb="6">
      <t>ホウコクビ</t>
    </rPh>
    <phoneticPr fontId="2"/>
  </si>
  <si>
    <t>．　　．</t>
    <phoneticPr fontId="2"/>
  </si>
  <si>
    <t>有（　/　）・無</t>
    <phoneticPr fontId="2"/>
  </si>
  <si>
    <t>11　自動車
（１）</t>
    <rPh sb="3" eb="6">
      <t>ジドウシャ</t>
    </rPh>
    <phoneticPr fontId="2"/>
  </si>
  <si>
    <t>購入年月日</t>
  </si>
  <si>
    <t>車　種</t>
    <phoneticPr fontId="2"/>
  </si>
  <si>
    <t>登録番号</t>
    <rPh sb="0" eb="4">
      <t>トウロクバンゴウ</t>
    </rPh>
    <phoneticPr fontId="2"/>
  </si>
  <si>
    <t>用　途</t>
    <rPh sb="0" eb="1">
      <t>ヨウ</t>
    </rPh>
    <rPh sb="2" eb="3">
      <t>ト</t>
    </rPh>
    <phoneticPr fontId="2"/>
  </si>
  <si>
    <t>保険の種類・名称
保険会社名</t>
    <phoneticPr fontId="2"/>
  </si>
  <si>
    <t>契約者</t>
    <rPh sb="0" eb="3">
      <t>ケイヤクシャ</t>
    </rPh>
    <phoneticPr fontId="2"/>
  </si>
  <si>
    <t>被保険者</t>
    <rPh sb="0" eb="4">
      <t>ヒホケンシャ</t>
    </rPh>
    <phoneticPr fontId="2"/>
  </si>
  <si>
    <t>受取人</t>
    <rPh sb="0" eb="3">
      <t>ウケトリニン</t>
    </rPh>
    <phoneticPr fontId="2"/>
  </si>
  <si>
    <t>対象人員</t>
    <rPh sb="0" eb="4">
      <t>タイショウジンイン</t>
    </rPh>
    <phoneticPr fontId="2"/>
  </si>
  <si>
    <t>１人当たり
月額保険料</t>
    <phoneticPr fontId="2"/>
  </si>
  <si>
    <t>１人当たり
補償金額</t>
    <phoneticPr fontId="2"/>
  </si>
  <si>
    <t>千円</t>
    <rPh sb="0" eb="2">
      <t>センエン</t>
    </rPh>
    <phoneticPr fontId="2"/>
  </si>
  <si>
    <t>対象物</t>
    <rPh sb="0" eb="3">
      <t>タイショウブツ</t>
    </rPh>
    <phoneticPr fontId="2"/>
  </si>
  <si>
    <t>補償金額</t>
    <rPh sb="0" eb="2">
      <t>ホショウ</t>
    </rPh>
    <rPh sb="2" eb="4">
      <t>キンガク</t>
    </rPh>
    <phoneticPr fontId="2"/>
  </si>
  <si>
    <t>月額保険料</t>
    <rPh sb="0" eb="5">
      <t>ゲツガクホケンリョウ</t>
    </rPh>
    <phoneticPr fontId="2"/>
  </si>
  <si>
    <t>千円</t>
    <rPh sb="0" eb="1">
      <t>セン</t>
    </rPh>
    <rPh sb="1" eb="2">
      <t>エン</t>
    </rPh>
    <phoneticPr fontId="2"/>
  </si>
  <si>
    <t>13　相談・苦情解決
（３）</t>
    <phoneticPr fontId="2"/>
  </si>
  <si>
    <t>（選任状況）</t>
    <phoneticPr fontId="2"/>
  </si>
  <si>
    <t>責　任　者</t>
  </si>
  <si>
    <t>職・氏名</t>
  </si>
  <si>
    <t>受付担当者</t>
  </si>
  <si>
    <t>第三者委員</t>
  </si>
  <si>
    <t>名　　称</t>
  </si>
  <si>
    <t>（注）「第三者委員の名称」欄は、氏名ではなく、評議員、大学教授、弁護士等と記載すること。</t>
    <phoneticPr fontId="2"/>
  </si>
  <si>
    <t>13　相談・苦情解決
（４）</t>
    <phoneticPr fontId="2"/>
  </si>
  <si>
    <t>13　相談・苦情解決
（５）</t>
    <phoneticPr fontId="2"/>
  </si>
  <si>
    <t>受付件数
Ａ</t>
    <phoneticPr fontId="2"/>
  </si>
  <si>
    <t>処理件数
Ｂ</t>
    <phoneticPr fontId="2"/>
  </si>
  <si>
    <t>未処理件数
Ａ－Ｂ＝Ｃ</t>
    <phoneticPr fontId="2"/>
  </si>
  <si>
    <t>第三者委員への報告の有無</t>
    <phoneticPr fontId="2"/>
  </si>
  <si>
    <t>公表の手段　　　有　・　無</t>
    <phoneticPr fontId="2"/>
  </si>
  <si>
    <t>令和　　年　　月　　日
令和　　年　　月　　日
令和　　年　　月　　日</t>
    <phoneticPr fontId="2"/>
  </si>
  <si>
    <t>広報誌　・　ホームページ</t>
    <phoneticPr fontId="2"/>
  </si>
  <si>
    <t>Ⅱ　職員処遇</t>
    <rPh sb="2" eb="6">
      <t>ショクインショグウ</t>
    </rPh>
    <phoneticPr fontId="2"/>
  </si>
  <si>
    <t>研修結果をどのように活用しているか。</t>
    <phoneticPr fontId="2"/>
  </si>
  <si>
    <t>２　職員会議・研修</t>
    <phoneticPr fontId="2"/>
  </si>
  <si>
    <t>１　労働契約</t>
    <phoneticPr fontId="2"/>
  </si>
  <si>
    <t>３　職員の定着化</t>
    <phoneticPr fontId="2"/>
  </si>
  <si>
    <t>２　職員会議・研修
（４）</t>
    <phoneticPr fontId="2"/>
  </si>
  <si>
    <t>３　職員の定着化
（１）</t>
    <phoneticPr fontId="2"/>
  </si>
  <si>
    <t>（６）定年制はあるか。</t>
    <phoneticPr fontId="2"/>
  </si>
  <si>
    <t>１４　運営規程</t>
    <rPh sb="3" eb="5">
      <t>ウンエイ</t>
    </rPh>
    <rPh sb="5" eb="7">
      <t>キテイ</t>
    </rPh>
    <phoneticPr fontId="2"/>
  </si>
  <si>
    <t>（１）次に掲げる施設の運営についての重要事項に関する規程（運営規程）を定めているか。</t>
    <phoneticPr fontId="2"/>
  </si>
  <si>
    <t>□運営規程</t>
    <rPh sb="1" eb="3">
      <t>ウンエイ</t>
    </rPh>
    <rPh sb="3" eb="5">
      <t>キテイ</t>
    </rPh>
    <phoneticPr fontId="2"/>
  </si>
  <si>
    <t>◎鹿児島市家庭的保育事業
　 等の設備及び運営の基準
   に関する条例第19条</t>
    <phoneticPr fontId="2"/>
  </si>
  <si>
    <t>　①　事業の目的及び運営の方針</t>
    <phoneticPr fontId="2"/>
  </si>
  <si>
    <t>　②　提供する保育の内容</t>
    <phoneticPr fontId="2"/>
  </si>
  <si>
    <t>　③　職員の職種、員数及び職務の内容</t>
    <phoneticPr fontId="2"/>
  </si>
  <si>
    <t>　④　保育の提供を行う日及び時間並びに提供を行わない日</t>
    <phoneticPr fontId="2"/>
  </si>
  <si>
    <t>　⑤　保護者から受領する費用の種類、支払を求める理由及びその額</t>
    <phoneticPr fontId="2"/>
  </si>
  <si>
    <t>　⑥　乳児、幼児の区分ごとの利用定員</t>
    <phoneticPr fontId="2"/>
  </si>
  <si>
    <t>　⑦　家庭的保育事業等の利用の開始及び終了に関する事項並びに利用に当たっての留
　　意事項</t>
    <phoneticPr fontId="2"/>
  </si>
  <si>
    <t>　⑧　緊急時等における対応方法</t>
    <phoneticPr fontId="2"/>
  </si>
  <si>
    <t>　⑨　非常災害対策</t>
    <phoneticPr fontId="2"/>
  </si>
  <si>
    <t>　⑩　虐待の防止のための措置に関する事項</t>
    <phoneticPr fontId="2"/>
  </si>
  <si>
    <t xml:space="preserve"> </t>
    <phoneticPr fontId="2"/>
  </si>
  <si>
    <t>調理設備</t>
    <rPh sb="0" eb="2">
      <t>チョウリ</t>
    </rPh>
    <rPh sb="2" eb="4">
      <t>セツビ</t>
    </rPh>
    <phoneticPr fontId="2"/>
  </si>
  <si>
    <t>　⑪　その他家庭的保育事業等の運営に関する重要事項</t>
    <phoneticPr fontId="2"/>
  </si>
  <si>
    <t xml:space="preserve">
　　　※他の職務を兼務している場合、兼務内容を記載すること</t>
    <phoneticPr fontId="2"/>
  </si>
  <si>
    <t>　１　労働契約</t>
    <phoneticPr fontId="2"/>
  </si>
  <si>
    <t>　２　職員会議・研修</t>
    <phoneticPr fontId="2"/>
  </si>
  <si>
    <t>　３　職員の定着化</t>
    <phoneticPr fontId="2"/>
  </si>
  <si>
    <t>　14　運営規程</t>
    <rPh sb="4" eb="6">
      <t>ウンエイ</t>
    </rPh>
    <rPh sb="6" eb="8">
      <t>キテイ</t>
    </rPh>
    <phoneticPr fontId="2"/>
  </si>
  <si>
    <t>５４</t>
    <phoneticPr fontId="2"/>
  </si>
  <si>
    <t>５６</t>
    <phoneticPr fontId="2"/>
  </si>
  <si>
    <t>小保―２</t>
    <rPh sb="0" eb="1">
      <t>ショウ</t>
    </rPh>
    <rPh sb="1" eb="2">
      <t>ホ</t>
    </rPh>
    <phoneticPr fontId="2"/>
  </si>
  <si>
    <t>　　　　小保―３</t>
    <rPh sb="4" eb="5">
      <t>ショウ</t>
    </rPh>
    <rPh sb="5" eb="6">
      <t>ホ</t>
    </rPh>
    <phoneticPr fontId="2"/>
  </si>
  <si>
    <t>小保―４</t>
    <rPh sb="0" eb="1">
      <t>ショウ</t>
    </rPh>
    <rPh sb="1" eb="2">
      <t>ホ</t>
    </rPh>
    <phoneticPr fontId="2"/>
  </si>
  <si>
    <t>　　　　　　小保―５</t>
    <rPh sb="6" eb="7">
      <t>ショウ</t>
    </rPh>
    <rPh sb="7" eb="8">
      <t>ホ</t>
    </rPh>
    <phoneticPr fontId="2"/>
  </si>
  <si>
    <t>（６）机やドアノブ等の手が触れる箇所の消毒や定期的な換気などの感染症対策を実施して
　いるか。</t>
    <phoneticPr fontId="2"/>
  </si>
  <si>
    <t>　(３)保育室等の感
　　染症等予防対策</t>
    <rPh sb="18" eb="20">
      <t>タイサク</t>
    </rPh>
    <phoneticPr fontId="2"/>
  </si>
  <si>
    <t>（注）温泉、簡易専用水道は含まない。</t>
    <rPh sb="1" eb="2">
      <t>チュウ</t>
    </rPh>
    <rPh sb="3" eb="5">
      <t>オンセン</t>
    </rPh>
    <rPh sb="6" eb="8">
      <t>カンイ</t>
    </rPh>
    <rPh sb="8" eb="10">
      <t>センヨウ</t>
    </rPh>
    <rPh sb="10" eb="12">
      <t>スイドウ</t>
    </rPh>
    <rPh sb="13" eb="14">
      <t>フク</t>
    </rPh>
    <phoneticPr fontId="2"/>
  </si>
  <si>
    <t>有　　　・　　　無
（　　　　　　　　　　　）</t>
    <rPh sb="0" eb="1">
      <t>アリ</t>
    </rPh>
    <rPh sb="8" eb="9">
      <t>ナシ</t>
    </rPh>
    <phoneticPr fontId="2"/>
  </si>
  <si>
    <t>居室・廊下・階段等の内装材料</t>
    <rPh sb="0" eb="2">
      <t>キョシツ</t>
    </rPh>
    <rPh sb="3" eb="5">
      <t>ロウカ</t>
    </rPh>
    <rPh sb="6" eb="8">
      <t>カイダン</t>
    </rPh>
    <rPh sb="8" eb="9">
      <t>トウ</t>
    </rPh>
    <rPh sb="10" eb="12">
      <t>ナイソウ</t>
    </rPh>
    <rPh sb="12" eb="14">
      <t>ザイリョウ</t>
    </rPh>
    <phoneticPr fontId="2"/>
  </si>
  <si>
    <t>●児童福祉法に基づく家庭的保育事業等の指導監査について(通知)</t>
    <phoneticPr fontId="2"/>
  </si>
  <si>
    <t>○防火管理者は、消火訓練及び避難訓練を実
　施する場合には、あらかじめ、その旨を消防機
　関に通報しなければならない。</t>
    <phoneticPr fontId="2"/>
  </si>
  <si>
    <t>　ア　地域社会との連携を図ることにより、非常災害時に地域住民の協力が得られる
　　体制づくりに努めているか。</t>
    <phoneticPr fontId="2"/>
  </si>
  <si>
    <t>（６）水防法に基づく洪水等の浸水想定区域内又は土砂災害防止法に基づく土砂災害
　警戒区域内にある要配慮者利用施設の所有者又は管理者は、避難確保計画の作
　成と報告及び避難訓練の実施と報告をしているか。</t>
    <phoneticPr fontId="2"/>
  </si>
  <si>
    <r>
      <t>【</t>
    </r>
    <r>
      <rPr>
        <b/>
        <sz val="9"/>
        <color theme="1"/>
        <rFont val="ＭＳ Ｐゴシック"/>
        <family val="3"/>
        <charset val="128"/>
      </rPr>
      <t>利用定員</t>
    </r>
    <rPh sb="1" eb="3">
      <t>リヨウ</t>
    </rPh>
    <rPh sb="3" eb="5">
      <t>テイイン</t>
    </rPh>
    <phoneticPr fontId="2"/>
  </si>
  <si>
    <t>（１）保育の目標を達成するために、保育の基本となる「全体的な計画」を編成し、それ
　に基づく「指導計画」を作成しているか。</t>
    <phoneticPr fontId="2"/>
  </si>
  <si>
    <t>（３）指導計画は、全体的な計画に基づき、長期的な指導計画（年・期・月など）と、短
　期的な指導計画（週・日など）を作成しているか。</t>
    <phoneticPr fontId="2"/>
  </si>
  <si>
    <t>（４）３歳未満児及び障害のある子の指導計画は、個別的な計画を立てるなど配慮して
　いるか。</t>
    <phoneticPr fontId="2"/>
  </si>
  <si>
    <t>（５）虐待や心身に有害な影響を与える行為が疑われる場合の対処方法は職員に周
　知されているか。</t>
    <phoneticPr fontId="2"/>
  </si>
  <si>
    <t>（3）①</t>
    <phoneticPr fontId="2"/>
  </si>
  <si>
    <t>重点</t>
    <rPh sb="0" eb="2">
      <t>ジュウテン</t>
    </rPh>
    <phoneticPr fontId="2"/>
  </si>
  <si>
    <t>（3）①</t>
    <phoneticPr fontId="2"/>
  </si>
  <si>
    <t>（1）①</t>
    <phoneticPr fontId="2"/>
  </si>
  <si>
    <t>（2）①</t>
    <phoneticPr fontId="2"/>
  </si>
  <si>
    <t>（２）職員に対し、感染症及び食中毒の予防及びまん延防止のための研修並びに感染
　症の予防及びまん延防止のための訓練を定期的に実施しているか。</t>
    <phoneticPr fontId="2"/>
  </si>
  <si>
    <t>（３）右ページの(ｱ)～(ｳ)の場合、市の社会福祉施設等主管部局に、迅速に、感染症
　又は食中毒が疑われる者等の人数、症状、対応状況等を報告し、併せて保健所に
　報告・指示を求めるなどの措置を講ずる体制を整えているか。</t>
    <phoneticPr fontId="2"/>
  </si>
  <si>
    <t>重点</t>
    <rPh sb="0" eb="2">
      <t>ジュウテン</t>
    </rPh>
    <phoneticPr fontId="2"/>
  </si>
  <si>
    <t>（1）③</t>
    <phoneticPr fontId="2"/>
  </si>
  <si>
    <r>
      <t xml:space="preserve">
</t>
    </r>
    <r>
      <rPr>
        <b/>
        <u/>
        <sz val="11"/>
        <color theme="1"/>
        <rFont val="ＭＳ Ｐゴシック"/>
        <family val="3"/>
        <charset val="128"/>
      </rPr>
      <t>※　施設全体の防災設備平面図を添付すること。（消防計画に添付した平面図又は既存の資料で可）</t>
    </r>
    <phoneticPr fontId="2"/>
  </si>
  <si>
    <t>（1）②</t>
    <phoneticPr fontId="2"/>
  </si>
  <si>
    <t>（1）④</t>
    <phoneticPr fontId="2"/>
  </si>
  <si>
    <t>　　イ　職員に対し、安全計画について周知するとともに、研修及び訓練を定期的に実
　　　施しているか。</t>
    <phoneticPr fontId="2"/>
  </si>
  <si>
    <t>　　エ　定期的に安全計画の見直しを行い、必要に応じて安全計画の変更を行ってい
　　　るか。</t>
    <phoneticPr fontId="2"/>
  </si>
  <si>
    <t>（６）安全計画の策定を含め、事故発生の防止のための指針の整備等、事故発生の防
　止及び発生時の対応に関する措置を講じているか。</t>
    <phoneticPr fontId="2"/>
  </si>
  <si>
    <t>（８）睡眠中の窒息リスク対策
　　ア　医学的な理由で医師からうつぶせ寝を勧められている場合以外は、仰向きに
　　　寝かせるなど寝かせ方に配慮しているか。</t>
    <phoneticPr fontId="2"/>
  </si>
  <si>
    <t>（９）プール活動や水遊びを行う場合は、監視体制の空白が生じないよう、専ら監視を
　行う者とプール指導等を行う者を分けて配置し、その役割分担を明確にしているか。</t>
    <phoneticPr fontId="2"/>
  </si>
  <si>
    <t>（１２）窒息の可能性のある玩具、小物等が不用意に保育環境下に置かれていないか
　などについての、保育士等による保育室内及び園庭内の点検を、定期的に実施して
　いるか。</t>
    <phoneticPr fontId="2"/>
  </si>
  <si>
    <t>（１４）事故が発生した場合又はそれに至る危険性がある事態が生じた場合に、その
　事実が報告され、その分析を通じた改善策や再発防止策を講じ、職員にも周知徹底
　する体制を整備しているか。</t>
    <phoneticPr fontId="2"/>
  </si>
  <si>
    <t>（１５）ヒヤリ・ハッとした出来事（インシデント）を記録・分析し、事故予防対策に活用し
　ているか。</t>
    <phoneticPr fontId="2"/>
  </si>
  <si>
    <t>◎教育・保育施設等における
   事故の報告等について（令
   和7年3月21日こ成安第44
   号、6教参学第51号）</t>
    <phoneticPr fontId="2"/>
  </si>
  <si>
    <t>●児童福祉行政指導監査の実施について（通知）（令和7年3月21日こ成事第175号、こ支総第50号）別紙1-2第2-1-(6)</t>
  </si>
  <si>
    <t>●児童福祉行政指導監査の実施について（通知）（令和7年3月21日こ成事第175号、こ支総第50号）
別紙1-2-(1)-第2-1-(1)、1-2-(2)-第1-1-〔保育所〕-(4)</t>
  </si>
  <si>
    <t>●児童福祉行政指導監査の実施について（通知）（令和7年3月21日こ成事第175号、こ支総第50号）
別紙1-2-(2)-第1-〔保育所〕-(3)-ｱ</t>
  </si>
  <si>
    <t>●児童福祉行政指導監査の実施について（通知）（令和7年3月21日こ成事第175号、こ支総第50号）
別紙1-2-(1)-第2-1-(3)</t>
  </si>
  <si>
    <t>●児童福祉行政指導監査の実施について（通知）（令和7年3月21日こ成事第175号、こ支総第50号）
別紙1-2-(2)-第2-〔共通事項〕-(8)</t>
  </si>
  <si>
    <t>●児童福祉行政指導監査の実施について（通知）（令和7年3月21日こ成事第175号、こ支総第50号）
別紙1-2-(2)-第2-〔共通事項〕-(1)</t>
  </si>
  <si>
    <t>●児童福祉行政指導監査の実施について（通知）（令和7年3月21日こ成事第175号、こ支総第50号）
別紙1-2-(2)-第1-1-〔保育所〕-(1)</t>
  </si>
  <si>
    <t>●児童福祉行政指導監査の実施について（通知）（令和7年3月21日こ成事第175号、こ支総第50号）
別紙1-2-(1)-第2-1-(2)</t>
  </si>
  <si>
    <t>●児童福祉行政指導監査の実施について（通知）（令和7年3月21日こ成事第175号、こ支総第50号）
別紙1-2-(1)-第2-1-(8)</t>
  </si>
  <si>
    <t>●児童福祉行政指導監査の実施について（通知）（令和7年3月21日こ成事第175号、こ支総第50号）
別紙1-2-(2)-第2-〔共通事項〕-(4)、(5)</t>
  </si>
  <si>
    <t>●児童福祉行政指導監査の実施について（通知）（令和7年3月21日こ成事第175号、こ支総第50号）
別紙1-2-(2)-第2-〔共通事項〕-(3)、(4)</t>
  </si>
  <si>
    <t>●児童福祉行政指導監査の実施について（通知）（令和7年3月21日こ成事第175号、こ支総第50号）
別紙1-2-(2)-第2-〔共通事項〕-(6)</t>
  </si>
  <si>
    <t>●児童福祉行政指導監査の実施について（通知）（令和7年3月21日こ成事第175号、こ支総第50号）
別紙1-2-(2)-第2-〔共通事項〕-(7)</t>
  </si>
  <si>
    <t>●児童福祉行政指導監査の実施について（通知）（令和7年3月21日こ成事第175号、こ支総第50号）
別紙1-2-(1)-第2-3-ｳ</t>
  </si>
  <si>
    <t>●児童福祉行政指導監査の実施について（通知）（令和7年3月21日こ成事第175号、こ支総第50号）
別紙1-2-(2)-第2-3-(1)</t>
  </si>
  <si>
    <t>●児童福祉行政指導監査の実施について（通知）（令和7年3月21日こ成事第175号、こ支総第50号）
別紙1-2-(1)-第2-3-ア</t>
  </si>
  <si>
    <t>●児童福祉行政指導監査の実施について（通知）（令和7年3月21日こ成事第175号、こ支総第50号）
別紙1-2-(1)-第2-3-イ</t>
  </si>
  <si>
    <t>●児童福祉行政指導監査の実施について（通知）（令和7年3月21日こ成事第175号、こ支総第50号）
別紙1-2-(2)-第1-〔保育所〕-(5)</t>
  </si>
  <si>
    <t>●児童福祉行政指導監査の実施について（通知）（令和7年3月21日こ成事第175号、こ支総第50号）
別紙1-2-(2)-第1-〔保育所〕-(5</t>
  </si>
  <si>
    <t>●児童福祉行政指導監査の実施について（通知）（令和7年3月21日こ成事第175号、こ支総第50号）
別紙1-2-(2)-第1-1-〔保育所〕-(3)-オ</t>
    <phoneticPr fontId="2"/>
  </si>
  <si>
    <t xml:space="preserve">●児童福祉行政指導監査の実施について（通知）（令和7年3月21日こ成事第175号、こ支総第50号）
別紙1-2-(2)-第1-〔保育所〕-(6)
</t>
    <phoneticPr fontId="2"/>
  </si>
  <si>
    <t>●児童福祉行政指導監査の実施について（通知）（令和7年3月21日こ成事第175号、こ支総第50号）
別紙1-2-(1)-第2-3-ウ</t>
    <phoneticPr fontId="2"/>
  </si>
  <si>
    <t>●児童福祉行政指導監査の実施について（通知）（令和7年3月21日こ成事第175号、こ支総第50号）
別紙1-2-(1)-第2-3-カ</t>
    <phoneticPr fontId="2"/>
  </si>
  <si>
    <t>●児童福祉行政指導監査の実施について（通知）（令和7年3月21日こ成事第175号、こ支総第50号）
別紙1-2-(2)-第2-3-(2)</t>
    <phoneticPr fontId="2"/>
  </si>
  <si>
    <t>●児童福祉行政指導監査の実施について（通知）（令和7年3月21日こ成事第175号、こ支総第50号）
別紙1-2-(2)-第2-[共通事項]-(2)</t>
    <rPh sb="64" eb="66">
      <t>キョウツウ</t>
    </rPh>
    <rPh sb="66" eb="68">
      <t>ジコウ</t>
    </rPh>
    <phoneticPr fontId="2"/>
  </si>
  <si>
    <t>●児童福祉行政指導監査の実施について（通知）（令和7年3月21日こ成事第175号、こ支総第50号）
別紙1-2-(2)-第1-1-[保育所]-(5)-オ</t>
    <rPh sb="66" eb="68">
      <t>ホイク</t>
    </rPh>
    <rPh sb="68" eb="69">
      <t>ショ</t>
    </rPh>
    <phoneticPr fontId="2"/>
  </si>
  <si>
    <t>●児童福祉行政指導監査の実施について（通知）（令和7年3月21日こ成事第175号、こ支総第50号）
別紙1-2-(2)-第1-1-[保育所]-(5)-ウ</t>
    <rPh sb="66" eb="68">
      <t>ホイク</t>
    </rPh>
    <rPh sb="68" eb="69">
      <t>ショ</t>
    </rPh>
    <phoneticPr fontId="2"/>
  </si>
  <si>
    <t>●児童福祉行政指導監査の実施について（通知）（令和7年3月21日こ成事第175号、こ支総第50号）
別紙1-2-(2)-第1-1-[保育所]-(5)-イ</t>
    <phoneticPr fontId="2"/>
  </si>
  <si>
    <t>◎鹿児島市家庭的保育事業
　 等の設備及び運営の基準
   に関する条例第19条第1項</t>
    <rPh sb="40" eb="41">
      <t>ダイ</t>
    </rPh>
    <rPh sb="42" eb="43">
      <t>コウ</t>
    </rPh>
    <phoneticPr fontId="2"/>
  </si>
  <si>
    <t>◎鹿児島市家庭的保育事業
　 等の設備及び運営の基準
   に関する条例第19条第2項</t>
    <rPh sb="40" eb="41">
      <t>ダイ</t>
    </rPh>
    <rPh sb="42" eb="43">
      <t>コウ</t>
    </rPh>
    <phoneticPr fontId="2"/>
  </si>
  <si>
    <t>◎鹿児島市家庭的保育事業
　 等の設備及び運営の基準
   に関する条例第19条第3項</t>
    <rPh sb="40" eb="41">
      <t>ダイ</t>
    </rPh>
    <rPh sb="42" eb="43">
      <t>コウ</t>
    </rPh>
    <phoneticPr fontId="2"/>
  </si>
  <si>
    <t>◎鹿児島市家庭的保育事業
　 等の設備及び運営の基準
   に関する条例第19条第4項</t>
    <rPh sb="40" eb="41">
      <t>ダイ</t>
    </rPh>
    <rPh sb="42" eb="43">
      <t>コウ</t>
    </rPh>
    <phoneticPr fontId="2"/>
  </si>
  <si>
    <t>◎鹿児島市家庭的保育事業
　 等の設備及び運営の基準
   に関する条例第19条第5項</t>
    <rPh sb="40" eb="41">
      <t>ダイ</t>
    </rPh>
    <rPh sb="42" eb="43">
      <t>コウ</t>
    </rPh>
    <phoneticPr fontId="2"/>
  </si>
  <si>
    <t>◎鹿児島市家庭的保育事業
　 等の設備及び運営の基準
   に関する条例第19条第6項</t>
    <rPh sb="40" eb="41">
      <t>ダイ</t>
    </rPh>
    <rPh sb="42" eb="43">
      <t>コウ</t>
    </rPh>
    <phoneticPr fontId="2"/>
  </si>
  <si>
    <t>◎鹿児島市家庭的保育事業
　 等の設備及び運営の基準
   に関する条例第19条第7項</t>
    <rPh sb="40" eb="41">
      <t>ダイ</t>
    </rPh>
    <rPh sb="42" eb="43">
      <t>コウ</t>
    </rPh>
    <phoneticPr fontId="2"/>
  </si>
  <si>
    <t>◎鹿児島市家庭的保育事業
　 等の設備及び運営の基準
   に関する条例第19条第8項</t>
    <rPh sb="40" eb="41">
      <t>ダイ</t>
    </rPh>
    <rPh sb="42" eb="43">
      <t>コウ</t>
    </rPh>
    <phoneticPr fontId="2"/>
  </si>
  <si>
    <t>◎鹿児島市家庭的保育事業
　 等の設備及び運営の基準
   に関する条例第19条第9項</t>
    <rPh sb="40" eb="41">
      <t>ダイ</t>
    </rPh>
    <rPh sb="42" eb="43">
      <t>コウ</t>
    </rPh>
    <phoneticPr fontId="2"/>
  </si>
  <si>
    <t>◎鹿児島市家庭的保育事業
　 等の設備及び運営の基準
   に関する条例第19条第11
   項</t>
    <rPh sb="40" eb="41">
      <t>ダイ</t>
    </rPh>
    <rPh sb="47" eb="48">
      <t>コウ</t>
    </rPh>
    <phoneticPr fontId="2"/>
  </si>
  <si>
    <t>職員募集の方法</t>
    <rPh sb="0" eb="4">
      <t>ショクインボシュウ</t>
    </rPh>
    <rPh sb="5" eb="7">
      <t>ホウホウ</t>
    </rPh>
    <phoneticPr fontId="2"/>
  </si>
  <si>
    <t>１　労働契約
（１）</t>
    <phoneticPr fontId="2"/>
  </si>
  <si>
    <r>
      <t>　</t>
    </r>
    <r>
      <rPr>
        <b/>
        <sz val="10"/>
        <color theme="1"/>
        <rFont val="ＭＳ Ｐゴシック"/>
        <family val="3"/>
        <charset val="128"/>
      </rPr>
      <t>※</t>
    </r>
    <r>
      <rPr>
        <sz val="10"/>
        <color theme="1"/>
        <rFont val="ＭＳ Ｐゴシック"/>
        <family val="3"/>
        <charset val="128"/>
      </rPr>
      <t>　</t>
    </r>
    <r>
      <rPr>
        <b/>
        <sz val="10"/>
        <color theme="1"/>
        <rFont val="ＭＳ Ｐゴシック"/>
        <family val="3"/>
        <charset val="128"/>
      </rPr>
      <t>着眼点の太字は、今年度の指導監査の重点事項です。</t>
    </r>
    <phoneticPr fontId="2"/>
  </si>
  <si>
    <t>□協定書・契約書</t>
    <rPh sb="1" eb="4">
      <t>キョウテイショ</t>
    </rPh>
    <rPh sb="5" eb="8">
      <t>ケイヤクショ</t>
    </rPh>
    <phoneticPr fontId="2"/>
  </si>
  <si>
    <t>・地震、火災、風水害については作成が必須。
・津波は、ハザードマップで浸水想定区域内に所在している施設のみ。
・火山災害は、桜島に所在している施設は作成が必須。</t>
    <phoneticPr fontId="2"/>
  </si>
  <si>
    <t>【令和　　　年　　月　　日現在】</t>
    <phoneticPr fontId="2"/>
  </si>
  <si>
    <t>回</t>
    <rPh sb="0" eb="1">
      <t>カイ</t>
    </rPh>
    <phoneticPr fontId="2"/>
  </si>
  <si>
    <t>に数字を入力してください。</t>
    <rPh sb="1" eb="3">
      <t>スウジ</t>
    </rPh>
    <rPh sb="4" eb="6">
      <t>ニュウリョク</t>
    </rPh>
    <phoneticPr fontId="2"/>
  </si>
  <si>
    <t>２保育所の状況
（１）定員管理
（１）</t>
    <rPh sb="1" eb="3">
      <t>ホイク</t>
    </rPh>
    <rPh sb="3" eb="4">
      <t>ジョ</t>
    </rPh>
    <rPh sb="5" eb="7">
      <t>ジョウキョウ</t>
    </rPh>
    <rPh sb="11" eb="13">
      <t>テイイン</t>
    </rPh>
    <rPh sb="13" eb="15">
      <t>カンリ</t>
    </rPh>
    <phoneticPr fontId="2"/>
  </si>
  <si>
    <t>２保育所の状況
（３）保育の記録
（３）</t>
    <rPh sb="11" eb="13">
      <t>ホイク</t>
    </rPh>
    <rPh sb="14" eb="16">
      <t>キロク</t>
    </rPh>
    <phoneticPr fontId="2"/>
  </si>
  <si>
    <t>２保育所の状況
(５)児童の権利擁護及び虐待や心身に有害な影響を与える行為への対応
（２）
ア</t>
    <phoneticPr fontId="2"/>
  </si>
  <si>
    <t>２保育所の状況
（６）健康管理の状況
（２）</t>
    <phoneticPr fontId="2"/>
  </si>
  <si>
    <t>２保育所の状況
（５）児童の権利擁護及び虐待や心身に有害な影響を与える行為への対応
（２）
ウ</t>
    <phoneticPr fontId="2"/>
  </si>
  <si>
    <t>３施設整備
（２）</t>
    <rPh sb="1" eb="3">
      <t>シセツ</t>
    </rPh>
    <rPh sb="3" eb="5">
      <t>セイビ</t>
    </rPh>
    <phoneticPr fontId="2"/>
  </si>
  <si>
    <t>10　事故防止及び事故発生時の対応
（13）
ア</t>
    <phoneticPr fontId="2"/>
  </si>
  <si>
    <t>10　事故防止及び事故発生時の対応
（８）
イ</t>
    <phoneticPr fontId="2"/>
  </si>
  <si>
    <t>12　損害賠償保険
（１）
ア</t>
    <phoneticPr fontId="2"/>
  </si>
  <si>
    <t>12　損害賠償保険
（１）
イ</t>
    <phoneticPr fontId="2"/>
  </si>
  <si>
    <t>12　損害賠償保険
（２）
ア</t>
    <phoneticPr fontId="2"/>
  </si>
  <si>
    <t>12　損害賠償保険
（２）
イ</t>
    <phoneticPr fontId="2"/>
  </si>
  <si>
    <t>１　労働契約
（５）
オ</t>
    <phoneticPr fontId="2"/>
  </si>
  <si>
    <t>●児童福祉行政指導監査の実施について（通知）（令和7年3月21日こ成事第175号、こ支総第50号）
別紙1-2-(1)-第2-2-(4)、
別紙1-2-(2)-第2-2-(3)-イ</t>
    <phoneticPr fontId="2"/>
  </si>
  <si>
    <t>●児童福祉行政指導監査の実施について（通知）（令和7年3月21日こ成事第175号、こ支総第50号）別紙1-2-(2)-第1-1-[保育所]-(5)-オ</t>
    <rPh sb="65" eb="67">
      <t>ホイク</t>
    </rPh>
    <rPh sb="67" eb="68">
      <t>ショ</t>
    </rPh>
    <phoneticPr fontId="2"/>
  </si>
  <si>
    <t>赤痢菌
O-157
ｻﾙﾓﾈﾗ</t>
    <rPh sb="0" eb="3">
      <t>セキリキン</t>
    </rPh>
    <phoneticPr fontId="2"/>
  </si>
  <si>
    <r>
      <t xml:space="preserve">赤痢菌
</t>
    </r>
    <r>
      <rPr>
        <sz val="6"/>
        <color theme="1"/>
        <rFont val="ＭＳ Ｐゴシック"/>
        <family val="3"/>
        <charset val="128"/>
      </rPr>
      <t xml:space="preserve">
</t>
    </r>
    <r>
      <rPr>
        <sz val="9"/>
        <color theme="1"/>
        <rFont val="ＭＳ Ｐゴシック"/>
        <family val="3"/>
        <charset val="128"/>
      </rPr>
      <t xml:space="preserve">O-157
</t>
    </r>
    <r>
      <rPr>
        <sz val="6"/>
        <color theme="1"/>
        <rFont val="ＭＳ Ｐゴシック"/>
        <family val="3"/>
        <charset val="128"/>
      </rPr>
      <t xml:space="preserve">
</t>
    </r>
    <r>
      <rPr>
        <sz val="9"/>
        <color theme="1"/>
        <rFont val="ＭＳ Ｐゴシック"/>
        <family val="3"/>
        <charset val="128"/>
      </rPr>
      <t xml:space="preserve">ｻﾙﾓﾈﾗ
</t>
    </r>
    <r>
      <rPr>
        <sz val="6"/>
        <color theme="1"/>
        <rFont val="ＭＳ Ｐゴシック"/>
        <family val="3"/>
        <charset val="128"/>
      </rPr>
      <t xml:space="preserve">
</t>
    </r>
    <r>
      <rPr>
        <sz val="9"/>
        <color theme="1"/>
        <rFont val="ＭＳ Ｐゴシック"/>
        <family val="3"/>
        <charset val="128"/>
      </rPr>
      <t>ﾉﾛｳｲﾙｽ</t>
    </r>
    <rPh sb="0" eb="3">
      <t>セキリキン</t>
    </rPh>
    <phoneticPr fontId="2"/>
  </si>
  <si>
    <t>1人1日
当たり（円）</t>
    <rPh sb="1" eb="2">
      <t>ニン</t>
    </rPh>
    <rPh sb="3" eb="4">
      <t>ニチ</t>
    </rPh>
    <rPh sb="5" eb="6">
      <t>ア</t>
    </rPh>
    <rPh sb="9" eb="10">
      <t>エン</t>
    </rPh>
    <phoneticPr fontId="2"/>
  </si>
  <si>
    <t>1－１　入所児童数調べ</t>
    <rPh sb="4" eb="6">
      <t>ニュウショ</t>
    </rPh>
    <rPh sb="6" eb="8">
      <t>ジドウ</t>
    </rPh>
    <rPh sb="8" eb="9">
      <t>スウ</t>
    </rPh>
    <rPh sb="9" eb="10">
      <t>シラ</t>
    </rPh>
    <phoneticPr fontId="2"/>
  </si>
  <si>
    <t>1－２　障害手帳等所持児童数調べ</t>
    <rPh sb="4" eb="6">
      <t>ショウガイ</t>
    </rPh>
    <rPh sb="6" eb="8">
      <t>テチョウ</t>
    </rPh>
    <rPh sb="8" eb="9">
      <t>トウ</t>
    </rPh>
    <rPh sb="9" eb="11">
      <t>ショジ</t>
    </rPh>
    <rPh sb="11" eb="13">
      <t>ジドウ</t>
    </rPh>
    <rPh sb="13" eb="14">
      <t>スウ</t>
    </rPh>
    <rPh sb="14" eb="15">
      <t>シラ</t>
    </rPh>
    <phoneticPr fontId="2"/>
  </si>
  <si>
    <t>0
歳児</t>
    <rPh sb="2" eb="3">
      <t>サイ</t>
    </rPh>
    <rPh sb="3" eb="4">
      <t>ジ</t>
    </rPh>
    <phoneticPr fontId="2"/>
  </si>
  <si>
    <t>１
歳児</t>
    <rPh sb="2" eb="3">
      <t>サイ</t>
    </rPh>
    <rPh sb="3" eb="4">
      <t>ジ</t>
    </rPh>
    <phoneticPr fontId="2"/>
  </si>
  <si>
    <t>２
歳児</t>
    <rPh sb="2" eb="3">
      <t>サイ</t>
    </rPh>
    <rPh sb="3" eb="4">
      <t>ジ</t>
    </rPh>
    <phoneticPr fontId="2"/>
  </si>
  <si>
    <t>３
歳児</t>
    <rPh sb="2" eb="3">
      <t>サイ</t>
    </rPh>
    <rPh sb="3" eb="4">
      <t>ジ</t>
    </rPh>
    <phoneticPr fontId="2"/>
  </si>
  <si>
    <t>４
歳児</t>
    <rPh sb="2" eb="3">
      <t>サイ</t>
    </rPh>
    <rPh sb="3" eb="4">
      <t>ジ</t>
    </rPh>
    <phoneticPr fontId="2"/>
  </si>
  <si>
    <t>５
歳児</t>
    <rPh sb="2" eb="3">
      <t>サイ</t>
    </rPh>
    <rPh sb="3" eb="4">
      <t>ジ</t>
    </rPh>
    <phoneticPr fontId="2"/>
  </si>
  <si>
    <t>療育通所</t>
    <rPh sb="0" eb="2">
      <t>リョウイク</t>
    </rPh>
    <rPh sb="2" eb="4">
      <t>ツウショ</t>
    </rPh>
    <phoneticPr fontId="2"/>
  </si>
  <si>
    <t>身障手帳所持</t>
    <rPh sb="0" eb="2">
      <t>シンショウ</t>
    </rPh>
    <rPh sb="2" eb="4">
      <t>テチョウ</t>
    </rPh>
    <rPh sb="4" eb="6">
      <t>ショジ</t>
    </rPh>
    <phoneticPr fontId="2"/>
  </si>
  <si>
    <t>療育手帳所持</t>
    <rPh sb="0" eb="2">
      <t>リョウイク</t>
    </rPh>
    <rPh sb="2" eb="4">
      <t>テチョウ</t>
    </rPh>
    <rPh sb="4" eb="6">
      <t>ショジ</t>
    </rPh>
    <phoneticPr fontId="2"/>
  </si>
  <si>
    <t>計</t>
    <rPh sb="0" eb="1">
      <t>ケイ</t>
    </rPh>
    <phoneticPr fontId="2"/>
  </si>
  <si>
    <t>（自主点検表作成日時点の月初日のみ記載）</t>
    <rPh sb="1" eb="3">
      <t>ジシュ</t>
    </rPh>
    <rPh sb="3" eb="5">
      <t>テンケン</t>
    </rPh>
    <rPh sb="5" eb="6">
      <t>ヒョウ</t>
    </rPh>
    <rPh sb="6" eb="9">
      <t>サクセイビ</t>
    </rPh>
    <rPh sb="9" eb="11">
      <t>ジテン</t>
    </rPh>
    <rPh sb="12" eb="13">
      <t>ツキ</t>
    </rPh>
    <rPh sb="13" eb="15">
      <t>ショニチ</t>
    </rPh>
    <rPh sb="17" eb="19">
      <t>キサイ</t>
    </rPh>
    <phoneticPr fontId="2"/>
  </si>
  <si>
    <t>【療育手帳】</t>
    <rPh sb="1" eb="3">
      <t>リョウイク</t>
    </rPh>
    <rPh sb="3" eb="5">
      <t>テチョウ</t>
    </rPh>
    <phoneticPr fontId="2"/>
  </si>
  <si>
    <t>１級</t>
    <rPh sb="1" eb="2">
      <t>キュウ</t>
    </rPh>
    <phoneticPr fontId="2"/>
  </si>
  <si>
    <t>２級</t>
    <rPh sb="1" eb="2">
      <t>キュウ</t>
    </rPh>
    <phoneticPr fontId="2"/>
  </si>
  <si>
    <t>３級</t>
    <rPh sb="1" eb="2">
      <t>キュウ</t>
    </rPh>
    <phoneticPr fontId="2"/>
  </si>
  <si>
    <t>４級</t>
    <rPh sb="1" eb="2">
      <t>キュウ</t>
    </rPh>
    <phoneticPr fontId="2"/>
  </si>
  <si>
    <t>５級</t>
    <rPh sb="1" eb="2">
      <t>キュウ</t>
    </rPh>
    <phoneticPr fontId="2"/>
  </si>
  <si>
    <t>６級</t>
    <rPh sb="1" eb="2">
      <t>キュウ</t>
    </rPh>
    <phoneticPr fontId="2"/>
  </si>
  <si>
    <t>７級</t>
    <rPh sb="1" eb="2">
      <t>キュウ</t>
    </rPh>
    <phoneticPr fontId="2"/>
  </si>
  <si>
    <t>Ａ１</t>
    <phoneticPr fontId="2"/>
  </si>
  <si>
    <t>Ａ２</t>
    <phoneticPr fontId="2"/>
  </si>
  <si>
    <t>Ｂ１</t>
    <phoneticPr fontId="2"/>
  </si>
  <si>
    <t>Ｂ２</t>
    <phoneticPr fontId="2"/>
  </si>
  <si>
    <t xml:space="preserve">
【身障手帳】</t>
    <rPh sb="4" eb="6">
      <t>シンショウ</t>
    </rPh>
    <rPh sb="6" eb="8">
      <t>テチョウ</t>
    </rPh>
    <phoneticPr fontId="2"/>
  </si>
  <si>
    <t>（人）</t>
    <rPh sb="1" eb="2">
      <t>ヒト</t>
    </rPh>
    <phoneticPr fontId="2"/>
  </si>
  <si>
    <t>・障害程度の内訳（自主点検表作成日時点の月初日のみ記載）</t>
    <rPh sb="1" eb="3">
      <t>ショウガイ</t>
    </rPh>
    <rPh sb="3" eb="5">
      <t>テイド</t>
    </rPh>
    <rPh sb="6" eb="8">
      <t>ウチワケ</t>
    </rPh>
    <phoneticPr fontId="2"/>
  </si>
  <si>
    <t>※身障手帳または療育手帳の交付を受けている方、療育施設へ通所されている方の人数を記載してください。</t>
    <rPh sb="1" eb="3">
      <t>シンショウ</t>
    </rPh>
    <rPh sb="3" eb="5">
      <t>テチョウ</t>
    </rPh>
    <rPh sb="8" eb="10">
      <t>リョウイク</t>
    </rPh>
    <rPh sb="10" eb="12">
      <t>テチョウ</t>
    </rPh>
    <rPh sb="13" eb="15">
      <t>コウフ</t>
    </rPh>
    <rPh sb="16" eb="17">
      <t>ウ</t>
    </rPh>
    <rPh sb="21" eb="22">
      <t>カタ</t>
    </rPh>
    <rPh sb="23" eb="25">
      <t>リョウイク</t>
    </rPh>
    <rPh sb="25" eb="27">
      <t>シセツ</t>
    </rPh>
    <rPh sb="28" eb="30">
      <t>ツウショ</t>
    </rPh>
    <rPh sb="35" eb="36">
      <t>カタ</t>
    </rPh>
    <rPh sb="37" eb="39">
      <t>ニンズウ</t>
    </rPh>
    <rPh sb="40" eb="42">
      <t>キサイ</t>
    </rPh>
    <phoneticPr fontId="2"/>
  </si>
  <si>
    <t>１-１</t>
    <phoneticPr fontId="2"/>
  </si>
  <si>
    <t>１-２</t>
    <phoneticPr fontId="2"/>
  </si>
  <si>
    <t>小保―１―１</t>
    <rPh sb="0" eb="1">
      <t>ショウ</t>
    </rPh>
    <rPh sb="1" eb="2">
      <t>ホ</t>
    </rPh>
    <phoneticPr fontId="2"/>
  </si>
  <si>
    <t>小保―１―２</t>
    <rPh sb="0" eb="1">
      <t>ショウ</t>
    </rPh>
    <rPh sb="1" eb="2">
      <t>ホ</t>
    </rPh>
    <phoneticPr fontId="2"/>
  </si>
  <si>
    <t>□長期指導計画（年・月）
□短期指導計画（週・日）</t>
    <rPh sb="1" eb="3">
      <t>チョウキ</t>
    </rPh>
    <rPh sb="8" eb="9">
      <t>ネン</t>
    </rPh>
    <rPh sb="10" eb="11">
      <t>ツキ</t>
    </rPh>
    <rPh sb="14" eb="16">
      <t>タンキ</t>
    </rPh>
    <rPh sb="16" eb="18">
      <t>シドウ</t>
    </rPh>
    <rPh sb="18" eb="20">
      <t>ケイカク</t>
    </rPh>
    <rPh sb="21" eb="22">
      <t>シュウ</t>
    </rPh>
    <rPh sb="23" eb="24">
      <t>ニチ</t>
    </rPh>
    <phoneticPr fontId="2"/>
  </si>
  <si>
    <t>令和　　　　年　　　　月　　　　日（　　　　）</t>
    <rPh sb="0" eb="2">
      <t>レイワ</t>
    </rPh>
    <rPh sb="6" eb="7">
      <t>ネン</t>
    </rPh>
    <rPh sb="11" eb="12">
      <t>ツキ</t>
    </rPh>
    <rPh sb="16" eb="17">
      <t>ヒ</t>
    </rPh>
    <phoneticPr fontId="2"/>
  </si>
  <si>
    <t>令和　　　　年　　　　月　　　　日（　　　　）</t>
    <rPh sb="0" eb="2">
      <t>レイワ</t>
    </rPh>
    <rPh sb="6" eb="7">
      <t>ネン</t>
    </rPh>
    <rPh sb="11" eb="12">
      <t>ツキ</t>
    </rPh>
    <rPh sb="16" eb="17">
      <t>ニチ</t>
    </rPh>
    <phoneticPr fontId="2"/>
  </si>
  <si>
    <t>○利用乳幼児の事業所外での活動、取組等の
  ための移動その他の利用乳幼児の移動のた
  めに自動車を運行するときは、利用乳幼児の
  乗車及び降車の際に、点呼その他の利用乳
  幼児の所在を確実に把握することができる方
  法により、利用乳幼児の所在を確認しなけれ
  ばならない。</t>
    <phoneticPr fontId="2"/>
  </si>
  <si>
    <t xml:space="preserve">○事故が発生した場合の対応、事故発生の防
  止のための指針を整備すること。
</t>
    <phoneticPr fontId="2"/>
  </si>
  <si>
    <t>○事故発生の防止のための委員会及び従業者
  に対する研修を定期的に行うこと。</t>
    <phoneticPr fontId="2"/>
  </si>
  <si>
    <t>○利用乳幼児の送迎を目的とした自動車を日
  常的に運行するときは、当該自動車にブザー
  その他の車内の利用乳幼児の見落としを防
  止する装置を備え、これを用いて前項に定め
  る所在の確認(利用乳幼児の降車の際に限
  る。)を行わなければならない。</t>
    <phoneticPr fontId="2"/>
  </si>
  <si>
    <t>６　保健衛生管理体制
(３)保育室等の感染症等予防対策
（５）</t>
    <rPh sb="26" eb="27">
      <t>サク</t>
    </rPh>
    <phoneticPr fontId="2"/>
  </si>
  <si>
    <t>６　保健衛生管理体制
(３)保育室等の感染症等予防対策
（７）</t>
    <rPh sb="26" eb="27">
      <t>サク</t>
    </rPh>
    <phoneticPr fontId="2"/>
  </si>
  <si>
    <t>０歳児　　　　分</t>
    <rPh sb="1" eb="2">
      <t>サイ</t>
    </rPh>
    <rPh sb="2" eb="3">
      <t>ジ</t>
    </rPh>
    <rPh sb="7" eb="8">
      <t>フン</t>
    </rPh>
    <phoneticPr fontId="2"/>
  </si>
  <si>
    <t>Ｎｏ．４（７）</t>
    <phoneticPr fontId="2"/>
  </si>
  <si>
    <t>　１－１　入所児童数調べ</t>
    <phoneticPr fontId="2"/>
  </si>
  <si>
    <t>　１－２　障害手帳等所持児童数調べ</t>
    <rPh sb="5" eb="7">
      <t>ショウガイ</t>
    </rPh>
    <rPh sb="7" eb="9">
      <t>テチョウ</t>
    </rPh>
    <rPh sb="9" eb="10">
      <t>トウ</t>
    </rPh>
    <rPh sb="10" eb="12">
      <t>ショジ</t>
    </rPh>
    <rPh sb="12" eb="14">
      <t>ジドウ</t>
    </rPh>
    <rPh sb="14" eb="15">
      <t>スウ</t>
    </rPh>
    <rPh sb="15" eb="16">
      <t>シラ</t>
    </rPh>
    <phoneticPr fontId="2"/>
  </si>
  <si>
    <t>　　　４　「最終学歴」の欄は、高校、短大、専門学校、大学などと記入してください。（詳細な学校名は不要です。）</t>
    <phoneticPr fontId="2"/>
  </si>
  <si>
    <t>　４－１　今年度　　月　１か月間の勤務割（常勤職員用）　</t>
    <phoneticPr fontId="2"/>
  </si>
  <si>
    <t>　４－２　今年度　　月　１か月間の勤務割（非常勤職員用）　</t>
    <rPh sb="21" eb="22">
      <t>ヒ</t>
    </rPh>
    <phoneticPr fontId="2"/>
  </si>
  <si>
    <t>５</t>
    <phoneticPr fontId="2"/>
  </si>
  <si>
    <t>　１　保育幼稚園課へ提出した直近の「職員勤務分担表」の写し</t>
    <phoneticPr fontId="2"/>
  </si>
  <si>
    <t>　２　　　職員配置状況</t>
    <phoneticPr fontId="2"/>
  </si>
  <si>
    <t>　３　　　職員の勤務状況</t>
    <phoneticPr fontId="2"/>
  </si>
  <si>
    <t>□連絡帳
□園だより
□懇談会等資料　等</t>
    <rPh sb="12" eb="14">
      <t>コンダン</t>
    </rPh>
    <phoneticPr fontId="2"/>
  </si>
  <si>
    <t>◎鹿児島市家庭的保育事業
　 等の設備及び運営の基準
   に関する条例第6条、第12
   条、第13条
◎鹿児島市保育所等における
　 不適切保育防止等に関す
   るガイドライン（鹿児島市令
   和5年9月（令和6年8月改
　 訂））</t>
    <rPh sb="5" eb="8">
      <t>カテイテキ</t>
    </rPh>
    <rPh sb="8" eb="10">
      <t>ホイク</t>
    </rPh>
    <rPh sb="10" eb="12">
      <t>ジギョウ</t>
    </rPh>
    <rPh sb="15" eb="16">
      <t>トウ</t>
    </rPh>
    <rPh sb="109" eb="111">
      <t>レイワ</t>
    </rPh>
    <rPh sb="112" eb="113">
      <t>ネン</t>
    </rPh>
    <rPh sb="114" eb="115">
      <t>ガツ</t>
    </rPh>
    <phoneticPr fontId="2"/>
  </si>
  <si>
    <t>（１）他の社会福祉施設を併せて設置し、事業所の設備及び職員の一部を併せて設置する社
　会福祉施設の設備及び職員に兼ねている場合、保育に支障がない範囲であるか。</t>
    <rPh sb="19" eb="21">
      <t>ジギョウ</t>
    </rPh>
    <phoneticPr fontId="2"/>
  </si>
  <si>
    <t>（３）乳児室、ほふく室、保育室又は遊戯室が「２階に設けてある」場合</t>
    <phoneticPr fontId="2"/>
  </si>
  <si>
    <t>回/日</t>
    <rPh sb="0" eb="1">
      <t>カイ</t>
    </rPh>
    <rPh sb="2" eb="3">
      <t>ニチ</t>
    </rPh>
    <phoneticPr fontId="2"/>
  </si>
  <si>
    <t>○納入に際しては、数量だけでなく、品質、鮮度、
   品温、異物混入等についても確認すること。
○サイン（検収印）をし、検収日を記入している
　 こと。
○特定の業者だけに固定するのではなく、見積
　 書を徴するなどし、適切な食材の購入に努め
　 ていること。
○食品受払簿等を作成し、適正に記録するとと
　 もに、在庫管理を適切に行っていること。
○定期的に管理者の確認が行われていること。
○品質の悪い食材や古い食材を使用していな
　 いこと。
○生鮮食品類は、当日使い切る量を購入し、大
　 量購入しないこと。（長期間の保存は品質が
　 落ちる。）
○スキムミルクは関税暫定措置法による免税
　 品であるので、一定の様式の台帳を備え、管
　 理の適正をはかる必要がある。</t>
    <phoneticPr fontId="2"/>
  </si>
  <si>
    <t>○給食関係施設は、排水、防湿、通風、換気、
　 採光、防虫防鼠等に配慮すること。
○給食作業終了後、清掃を行うなどして清潔の
　 保持に努めること。
○調理器具、食器、消毒用品等が混在していな
　 いこと。
○調理関係者の身体、頭髪、手指、爪の清潔さ
 　に常に配慮するとともに、清潔な作業衣、厨
   房専用の履物の着用や必要に応じ帽子やマ
   スク等が着用されていること。
○便所、調理室等の消毒、手洗い設備等によ
 　り、常に手の清潔さを保つ事ができるよう配慮
 　していること。
○消毒器、消毒液の常備。
○ペーパータオル、エアータオルの設置。
○調理器具（まな板等）の消毒は励行している
　 か。
○食器は、使用の都度十分洗浄した後、熱湯蒸
 　気又は熱風により消毒して乾燥し衛生的に保
　 管されていること。
○菌の検出には、50ｇ程度の量が必要であるの
 　で、原則としてその量を保存すること。
○原材料及び調理済み食品を食品ごとに清潔
　 な容器（ビニール袋等）に入れ、密封し、-20
　 ℃以下で2週間以上保存すること。
○原材料は、特に洗浄・殺菌等を行わず購入し
 　た状態で、調理済み食品は配膳後の状態で
 　保存すること。
○冷蔵庫に温度計が設置されていない場合、
　 隔測温度計を設置し、 実際の温度が確認で
　 きるようにしていること。</t>
    <phoneticPr fontId="2"/>
  </si>
  <si>
    <t>○使用するタオルは、他人と共用しないこと。
　 なお、タオルの個人専用化が難しい場合には、
　 使い捨てペーパータオル等の利用も有効で
　 ある。</t>
    <phoneticPr fontId="2"/>
  </si>
  <si>
    <t>◎水道法施行規則第55、56
　条
◎鹿児島市給水条例施行規
　程第17条の2</t>
    <rPh sb="1" eb="3">
      <t>スイドウ</t>
    </rPh>
    <rPh sb="3" eb="4">
      <t>ホウ</t>
    </rPh>
    <rPh sb="4" eb="6">
      <t>セコウ</t>
    </rPh>
    <rPh sb="6" eb="8">
      <t>キソク</t>
    </rPh>
    <rPh sb="8" eb="9">
      <t>ダイ</t>
    </rPh>
    <rPh sb="16" eb="17">
      <t>ジョウ</t>
    </rPh>
    <rPh sb="19" eb="23">
      <t>カゴシマシ</t>
    </rPh>
    <rPh sb="23" eb="25">
      <t>キュウスイ</t>
    </rPh>
    <rPh sb="25" eb="27">
      <t>ジョウレイ</t>
    </rPh>
    <rPh sb="27" eb="29">
      <t>セコウ</t>
    </rPh>
    <rPh sb="29" eb="30">
      <t>ノリ</t>
    </rPh>
    <rPh sb="32" eb="33">
      <t>ホド</t>
    </rPh>
    <rPh sb="33" eb="34">
      <t>ダイ</t>
    </rPh>
    <rPh sb="36" eb="37">
      <t>ジョウ</t>
    </rPh>
    <phoneticPr fontId="2"/>
  </si>
  <si>
    <t>　　「いる」の場合、年２回以上検査実施機関による水質検査を受けているか。</t>
    <rPh sb="17" eb="19">
      <t>ジッシ</t>
    </rPh>
    <phoneticPr fontId="2"/>
  </si>
  <si>
    <t>届出年月日</t>
    <rPh sb="0" eb="2">
      <t>トドケデ</t>
    </rPh>
    <rPh sb="2" eb="5">
      <t>ネンガッピ</t>
    </rPh>
    <phoneticPr fontId="2"/>
  </si>
  <si>
    <t>　令和　　　　　年　　　　　月　　　　　日　</t>
    <rPh sb="1" eb="3">
      <t>レイワ</t>
    </rPh>
    <rPh sb="8" eb="9">
      <t>ネン</t>
    </rPh>
    <rPh sb="14" eb="15">
      <t>ツキ</t>
    </rPh>
    <rPh sb="20" eb="21">
      <t>ヒ</t>
    </rPh>
    <phoneticPr fontId="2"/>
  </si>
  <si>
    <t>○チェックリスト等を作成し、自主点検を行うこと。
○避難の際の妨げとなる物品等が非常口や避
 　難経路に置かれていないこと。</t>
    <phoneticPr fontId="2"/>
  </si>
  <si>
    <t>◎鹿児島市家庭的保育事業
　 等の設備及び運営の基準
   に関する条例第8条第1項
◎社会福祉施設等における
　 非常災害対策及び入所者
　 等の安全の確保について
   (平成28年9月1日社援基発
　 0901第1号)
◎児童福祉施設等における利
　 用者の安全確保及び非常
 　災害時の体制整備の強化・
　 徹底について（平成28年9
　 月9日雇児総発0909第2号）
◎社会福祉施設における地
　 震防災応急計画の作成に
　 ついて（昭和55年１月16日
　 社施第5号)
◎児童福祉施設等における
　 非常災害対策の計画作成
　 の手引き</t>
    <rPh sb="5" eb="8">
      <t>カテイテキ</t>
    </rPh>
    <rPh sb="8" eb="10">
      <t>ホイク</t>
    </rPh>
    <rPh sb="10" eb="12">
      <t>ジギョウ</t>
    </rPh>
    <rPh sb="15" eb="16">
      <t>トウ</t>
    </rPh>
    <rPh sb="116" eb="118">
      <t>フクシ</t>
    </rPh>
    <phoneticPr fontId="2"/>
  </si>
  <si>
    <t>○飲料水については、１人１日３リットルを目安に
　 ３日分の備蓄に努める。</t>
    <rPh sb="1" eb="4">
      <t>インリョウスイ</t>
    </rPh>
    <rPh sb="11" eb="12">
      <t>ニン</t>
    </rPh>
    <rPh sb="13" eb="14">
      <t>ニチ</t>
    </rPh>
    <rPh sb="20" eb="22">
      <t>メヤス</t>
    </rPh>
    <rPh sb="27" eb="29">
      <t>ニチブン</t>
    </rPh>
    <rPh sb="30" eb="32">
      <t>ビチク</t>
    </rPh>
    <rPh sb="33" eb="34">
      <t>ツト</t>
    </rPh>
    <phoneticPr fontId="2"/>
  </si>
  <si>
    <t>□避難確保計画
□避難確保計画作成（変更等）
 　報告書
□避難確保計画チェックリスト</t>
    <phoneticPr fontId="2"/>
  </si>
  <si>
    <t>（１）連携施設を適切に確保しているか。</t>
    <rPh sb="3" eb="5">
      <t>レンケイ</t>
    </rPh>
    <rPh sb="5" eb="7">
      <t>シセツ</t>
    </rPh>
    <rPh sb="8" eb="10">
      <t>テキセツ</t>
    </rPh>
    <rPh sb="11" eb="13">
      <t>カクホ</t>
    </rPh>
    <phoneticPr fontId="2"/>
  </si>
  <si>
    <t>（２）協定書・契約書は作成しているか。</t>
    <phoneticPr fontId="2"/>
  </si>
  <si>
    <t>10　事故防止及び事故発生時の対応
（7）</t>
    <phoneticPr fontId="2"/>
  </si>
  <si>
    <t>有 ・ 無</t>
  </si>
  <si>
    <t>○医学的な理由で医師からうつぶせ寝をすす
　 められている場合以外は、乳児の顔が見える
　 仰向けに寝かせることが重要。何よりも、一人
　 にしないこと、寝かせ方に配慮を行うこと、安
　 全な睡眠環境を整えることは、窒息や誤飲、
　 けがなどの事故を未然に防ぐことにつながる。</t>
    <phoneticPr fontId="2"/>
  </si>
  <si>
    <t>○安全計画の作成に当たっては、「 いつ、何を
   なすべきか 」を整理し、必要な取組を安全計
   画に盛り込むこととすること。</t>
    <phoneticPr fontId="2"/>
  </si>
  <si>
    <t>○事故記録簿、ヒヤリハット記録簿に記録すべ
　 き項目
　・事故発生時の状況
　・事故原因について
　・再発防止策
　・医療機関を受診した場合はその内容
　・保険適用があった場合はその内容
○報告の対象となる重大事故の範囲
  ・死亡事故、意識不明事故（どんな刺激にも
   反応しない状態に陥ったもの）又は治療を要
   する期間が30日以上の負傷や疾病を伴う重
   篤な事故。
　・令和6年1月1日以降に発生した事故につい
   て、明らかに「病気」が原因である場合（てん
   かん、けいれん（熱性・無熱性・憤怒）等）は
   報告不要。ただし、1週間経過後も意識が回
   復しない場合は、その時点で報告すること。
　・事故発生時に受診した病院で、治療を要す
   る期間が30日を超えないと診断されたが、結
   果的に30日以上の治療が必要になったこと
   が判明した場合には、判明後速やかに報告
   する。ただし、30日以内に治癒しているが、
   経過観察で受診が30日を超える場合は対象
   外とする。
○原則第1報は事故発生当日（遅くとも事故発
　 生翌日）に行うこと。</t>
    <phoneticPr fontId="2"/>
  </si>
  <si>
    <t xml:space="preserve">○利用者擁護の観点から加入することが望まし
　 い。
○契約内容等が、適切なものであること。
</t>
    <phoneticPr fontId="2"/>
  </si>
  <si>
    <t>（２）相談・苦情を受け付けるための窓口は設置されているか。</t>
    <phoneticPr fontId="2"/>
  </si>
  <si>
    <t>●児童福祉行政指導監査の実施について（通知）
（令和7年3月21日こ成事第175号、こ支総第50号）別紙1-2-(1)-第2-2</t>
    <phoneticPr fontId="2"/>
  </si>
  <si>
    <t>●児童福祉行政指導監査の実施について（通知）（令和7年3月21日こ成事第175号、こ支総第50号）
別紙1-2-(1)-第2-2</t>
    <phoneticPr fontId="2"/>
  </si>
  <si>
    <t>Ｂ／Ａ</t>
    <phoneticPr fontId="2"/>
  </si>
  <si>
    <t xml:space="preserve">(例)職務内容、配置の変更範囲等
</t>
    <phoneticPr fontId="2"/>
  </si>
  <si>
    <t xml:space="preserve">（周知方法）
</t>
    <rPh sb="1" eb="5">
      <t>シュウチホウホウ</t>
    </rPh>
    <phoneticPr fontId="2"/>
  </si>
  <si>
    <t>◎鹿児島市家庭的保育事業
　 等の設備及び運営の基準
   に関する条例第30条、付則
　 第10項
◎保育所等における保育士
   配置に係る特例について
   （平成28年2月18日雇児発
   0218第2号）</t>
    <rPh sb="5" eb="8">
      <t>カテイテキ</t>
    </rPh>
    <rPh sb="8" eb="10">
      <t>ホイク</t>
    </rPh>
    <rPh sb="10" eb="12">
      <t>ジギョウ</t>
    </rPh>
    <rPh sb="15" eb="16">
      <t>トウ</t>
    </rPh>
    <rPh sb="41" eb="43">
      <t>フソク</t>
    </rPh>
    <rPh sb="46" eb="47">
      <t>ダイ</t>
    </rPh>
    <rPh sb="49" eb="50">
      <t>コウ</t>
    </rPh>
    <phoneticPr fontId="2"/>
  </si>
  <si>
    <t xml:space="preserve">◎保育所保育指針
 　第3章－2
◎保育所における食を通じた子どもの健全育成（いわゆ
   る「食育」）に関する取組の推進について（平成16年3
   月29日雇児保発第0329001号）
◎「第４次食育推進基本計画」に基づく保育所における食
   育の推進について（令和3年4月1日子保発0401第2号）
</t>
    <phoneticPr fontId="2"/>
  </si>
  <si>
    <t>◎鹿児島市家庭的保育事業
　 等の設備及び運営の基準
   に関する条例第30条
◎特定教育・保育等に要する
　 費用の額の算定に関する
   基準等の実施上の留意事
   項について（令和5年5月19
   日こ成保38、5文科初第483
   号）</t>
    <phoneticPr fontId="2"/>
  </si>
  <si>
    <t>○契約内容、施設と受託業者との業務分担及
 　び経費負担、下記事項等を明確にした契約
　 書を取り交わすこと。
　・受託業者に対して、施設側から必要な書類
　　の提出を求めることができること。
　・受託業者が契約書で定めた事項を誠実に履
　　行しないと事業所が認めたとき、その他受託
　　事業者が適正な給食を確保する上で支障と
　　なる行為を行ったときは、契約期間中であっ
　　ても事業所側において契約を解除できるこ
　　と。
　・受託業者の労働争議その他の事情により、
　　受託業務の遂行が困難となった場合の業務
　　の代行保証に関すること。
　・受託業者の責任で法定伝染病又は食中毒
　　等の事故が発生した場合及び契約に定める
　　義務を履行しないため事業所に損害を与え
　　た場合は、受託業者は事業所に対し損害賠
　　償を行うこと。
　・事業所における給食の趣旨を十分認識し、
　　適正な給食材料を使用するとともに所要の
　　栄養量が確保される調理を行うこと。
　・調理業務に従事する者の大半は、当該業務
　　について相当の経験を有する者であること。
　・調理業務従事者に対して、定期的に、衛生
　　面及び技術面の教育又は訓練を実施する
　　こと。
　・調理業務従事者に対して、定期的に、健康
　　診断及び検便検査を実施すること。</t>
    <rPh sb="126" eb="128">
      <t>ジギョウ</t>
    </rPh>
    <rPh sb="191" eb="193">
      <t>ジギョウ</t>
    </rPh>
    <rPh sb="328" eb="330">
      <t>ジギョウ</t>
    </rPh>
    <rPh sb="350" eb="352">
      <t>ジギョウ</t>
    </rPh>
    <rPh sb="372" eb="374">
      <t>ジギョウ</t>
    </rPh>
    <phoneticPr fontId="2"/>
  </si>
  <si>
    <t>○受水槽を使用している場合、容量が10トンを
　 超えるものは、毎年1回以上清掃及び検査を
　 行わなければならない。
　 容量が10トン以下のものは、毎年1回以上清
　 掃及び検査を行うよう努めること。</t>
    <rPh sb="14" eb="16">
      <t>ヨウリョウ</t>
    </rPh>
    <rPh sb="25" eb="26">
      <t>コ</t>
    </rPh>
    <rPh sb="32" eb="34">
      <t>マイトシ</t>
    </rPh>
    <rPh sb="36" eb="38">
      <t>イジョウ</t>
    </rPh>
    <rPh sb="38" eb="40">
      <t>セイソウ</t>
    </rPh>
    <rPh sb="40" eb="41">
      <t>オヨ</t>
    </rPh>
    <rPh sb="48" eb="49">
      <t>オコナ</t>
    </rPh>
    <rPh sb="62" eb="64">
      <t>ヨウリョウ</t>
    </rPh>
    <rPh sb="69" eb="71">
      <t>イカ</t>
    </rPh>
    <rPh sb="92" eb="93">
      <t>オコナ</t>
    </rPh>
    <rPh sb="96" eb="97">
      <t>ツト</t>
    </rPh>
    <phoneticPr fontId="2"/>
  </si>
  <si>
    <t>◎鹿児島市家庭的保育事業
　 等の設備及び運営の基準
   に関する条例第8条第4項
◎保育所保育指針
 　第3章－4－(2)
◎消防法施行規則第3条第
　 10項、第11項</t>
    <phoneticPr fontId="2"/>
  </si>
  <si>
    <t>○家庭的保育事業者等は、次に掲げる事業の
　 運営についての重要事項に関する規程を定
　 めなければならない。</t>
    <phoneticPr fontId="2"/>
  </si>
  <si>
    <t>　　　ウ　朝夕等の時間帯（延長保育時間帯を含む）に、利用乳幼児数に応じた保育士
　　　　の配置がなされているか。
　　　　　その際に、利用乳幼児数に応じた保育士の必要数が１人である場合でも、常
　　　　時１人以上の保育士の配置がなされているか。</t>
    <rPh sb="26" eb="28">
      <t>リヨウ</t>
    </rPh>
    <rPh sb="28" eb="31">
      <t>ニュウヨウジ</t>
    </rPh>
    <rPh sb="31" eb="32">
      <t>カズ</t>
    </rPh>
    <rPh sb="67" eb="69">
      <t>リヨウ</t>
    </rPh>
    <rPh sb="69" eb="72">
      <t>ニュウヨウジ</t>
    </rPh>
    <phoneticPr fontId="2"/>
  </si>
  <si>
    <t xml:space="preserve">（３）１か月以上、欠席している利用乳幼児はいるか。
　　　「いる」の場合、その理由、対応策等について記載すること。
</t>
    <rPh sb="15" eb="17">
      <t>リヨウ</t>
    </rPh>
    <rPh sb="17" eb="20">
      <t>ニュウヨウジ</t>
    </rPh>
    <phoneticPr fontId="2"/>
  </si>
  <si>
    <t>（２）利用乳幼児の権利擁護に関する取組及び研修がなされているか。
　　ア　「いる」の場合（前年度実績）</t>
    <rPh sb="3" eb="5">
      <t>リヨウ</t>
    </rPh>
    <rPh sb="5" eb="8">
      <t>ニュウヨウジ</t>
    </rPh>
    <phoneticPr fontId="2"/>
  </si>
  <si>
    <t>（３）事業所の職員による、利用乳幼児に対する虐待や不適切保育の未然防止に関す
　る措置を講じているか。</t>
    <rPh sb="3" eb="6">
      <t>ジギョウショ</t>
    </rPh>
    <rPh sb="13" eb="15">
      <t>リヨウ</t>
    </rPh>
    <rPh sb="15" eb="18">
      <t>ニュウヨウジ</t>
    </rPh>
    <phoneticPr fontId="2"/>
  </si>
  <si>
    <t>（５）検査当日に欠席した利用乳幼児への対応策を記載すること。</t>
    <rPh sb="12" eb="14">
      <t>リヨウ</t>
    </rPh>
    <rPh sb="14" eb="17">
      <t>ニュウヨウジ</t>
    </rPh>
    <phoneticPr fontId="2"/>
  </si>
  <si>
    <t>（２）最低基準に定める乳児又は幼児1人当たりの基準面積を満たしているか。</t>
    <rPh sb="11" eb="13">
      <t>ニュウジ</t>
    </rPh>
    <rPh sb="13" eb="14">
      <t>マタ</t>
    </rPh>
    <rPh sb="15" eb="17">
      <t>ヨウジ</t>
    </rPh>
    <phoneticPr fontId="2"/>
  </si>
  <si>
    <t>（１）利用乳幼児、職員ともに手洗いの徹底を図っているか。
　　（手洗い設備に石鹸等を備えているか。）</t>
    <rPh sb="3" eb="5">
      <t>リヨウ</t>
    </rPh>
    <rPh sb="5" eb="8">
      <t>ニュウヨウジ</t>
    </rPh>
    <phoneticPr fontId="2"/>
  </si>
  <si>
    <t>（９）職員及び利用乳幼児に対し、火気の取扱い、出火等災害発生の際の心構え等の防災教
　育を実施しているか。</t>
    <rPh sb="7" eb="9">
      <t>リヨウ</t>
    </rPh>
    <rPh sb="9" eb="12">
      <t>ニュウヨウジ</t>
    </rPh>
    <phoneticPr fontId="2"/>
  </si>
  <si>
    <t>　　ウ　利用乳幼児の安全の確保に関して保護者との連携が図られるよう、 保護者に
　　　対し、安全計画に基づく取組の内容等について周知しているか。</t>
    <rPh sb="4" eb="6">
      <t>リヨウ</t>
    </rPh>
    <rPh sb="6" eb="9">
      <t>ニュウヨウジ</t>
    </rPh>
    <phoneticPr fontId="2"/>
  </si>
  <si>
    <t>　　ア　利用乳幼児の安全の確保を図るため、事業所等の設備の安全点検、職員、利
　　　用乳幼児等に対する事業所外での活動、 取組等を含めた事業所等での生活そ
　　　の他の日常生活における安全に関する指導、 職員の研修及び訓練及び訓練そ
　　　の他事業所等における安全に関する事項についての計画（安全計画） を策定し、
　　　安全計画に従い必要な措置を講じているか。</t>
    <rPh sb="4" eb="6">
      <t>リヨウ</t>
    </rPh>
    <rPh sb="6" eb="9">
      <t>ニュウヨウジ</t>
    </rPh>
    <rPh sb="21" eb="24">
      <t>ジギョウショ</t>
    </rPh>
    <rPh sb="24" eb="25">
      <t>トウ</t>
    </rPh>
    <rPh sb="26" eb="28">
      <t>セツビ</t>
    </rPh>
    <rPh sb="43" eb="46">
      <t>ニュウヨウジ</t>
    </rPh>
    <rPh sb="51" eb="54">
      <t>ジギョウショ</t>
    </rPh>
    <rPh sb="68" eb="71">
      <t>ジギョウショ</t>
    </rPh>
    <rPh sb="71" eb="72">
      <t>トウ</t>
    </rPh>
    <rPh sb="111" eb="112">
      <t>オヨ</t>
    </rPh>
    <rPh sb="113" eb="115">
      <t>クンレン</t>
    </rPh>
    <rPh sb="122" eb="125">
      <t>ジギョウショ</t>
    </rPh>
    <rPh sb="125" eb="126">
      <t>トウ</t>
    </rPh>
    <phoneticPr fontId="2"/>
  </si>
  <si>
    <t xml:space="preserve">　　イ　利用乳幼児を一人にしないなど、安全な睡眠環境を整えているか。
　　　※午睡チェックの間隔
</t>
    <rPh sb="4" eb="6">
      <t>リヨウ</t>
    </rPh>
    <rPh sb="6" eb="9">
      <t>ニュウヨウジ</t>
    </rPh>
    <phoneticPr fontId="2"/>
  </si>
  <si>
    <t>（２）利用乳幼児の施設外での活動等のための移動で自動車を運行するときは、利用
　乳幼児の乗車及び降車の際に、利用乳幼児の所在を確実に把握することができる方
　法により、利用乳幼児の所在を確認しているか。</t>
    <rPh sb="3" eb="5">
      <t>リヨウ</t>
    </rPh>
    <rPh sb="5" eb="8">
      <t>ニュウヨウジ</t>
    </rPh>
    <rPh sb="36" eb="38">
      <t>リヨウ</t>
    </rPh>
    <rPh sb="40" eb="43">
      <t>ニュウヨウジ</t>
    </rPh>
    <rPh sb="54" eb="56">
      <t>リヨウ</t>
    </rPh>
    <rPh sb="56" eb="59">
      <t>ニュウヨウジ</t>
    </rPh>
    <rPh sb="84" eb="86">
      <t>リヨウ</t>
    </rPh>
    <rPh sb="86" eb="89">
      <t>ニュウヨウジ</t>
    </rPh>
    <phoneticPr fontId="2"/>
  </si>
  <si>
    <t>（３）利用乳幼児の送迎を目的とした自動車を日常的に運行するときは、車内の利用乳
　幼児の見落としを防止する装置を備え、降車時に利用乳幼児の所在を確認している
　か。</t>
    <rPh sb="3" eb="5">
      <t>リヨウ</t>
    </rPh>
    <rPh sb="5" eb="8">
      <t>ニュウヨウジ</t>
    </rPh>
    <rPh sb="36" eb="38">
      <t>リヨウ</t>
    </rPh>
    <rPh sb="63" eb="65">
      <t>リヨウ</t>
    </rPh>
    <rPh sb="65" eb="68">
      <t>ニュウヨウジ</t>
    </rPh>
    <phoneticPr fontId="2"/>
  </si>
  <si>
    <t>　　 また、指導計画に対する保育士等の自己評価及びそれらを踏まえた事業所の自
　己評価を行っているか。</t>
    <rPh sb="33" eb="35">
      <t>ジギョウ</t>
    </rPh>
    <phoneticPr fontId="2"/>
  </si>
  <si>
    <t>（５）訓練結果について検討を行い、次回の訓練及び消防計画等に反映させているか。</t>
    <phoneticPr fontId="2"/>
  </si>
  <si>
    <t>】</t>
    <phoneticPr fontId="2"/>
  </si>
  <si>
    <r>
      <t>◎黒太枠が</t>
    </r>
    <r>
      <rPr>
        <u/>
        <sz val="10"/>
        <color theme="1"/>
        <rFont val="ＭＳ Ｐゴシック"/>
        <family val="3"/>
        <charset val="128"/>
      </rPr>
      <t>条例基準上必要な保育士数</t>
    </r>
    <r>
      <rPr>
        <sz val="10"/>
        <color theme="1"/>
        <rFont val="ＭＳ Ｐゴシック"/>
        <family val="3"/>
        <charset val="128"/>
      </rPr>
      <t>（※１歳児配置改善加算を適用しない状態）。</t>
    </r>
    <rPh sb="1" eb="2">
      <t>クロ</t>
    </rPh>
    <rPh sb="2" eb="4">
      <t>フトワク</t>
    </rPh>
    <rPh sb="5" eb="7">
      <t>ジョウレイ</t>
    </rPh>
    <rPh sb="7" eb="9">
      <t>キジュン</t>
    </rPh>
    <rPh sb="9" eb="10">
      <t>ジョウ</t>
    </rPh>
    <rPh sb="10" eb="12">
      <t>ヒツヨウ</t>
    </rPh>
    <rPh sb="13" eb="16">
      <t>ホイクシ</t>
    </rPh>
    <rPh sb="16" eb="17">
      <t>スウ</t>
    </rPh>
    <rPh sb="20" eb="21">
      <t>サイ</t>
    </rPh>
    <rPh sb="21" eb="22">
      <t>ジ</t>
    </rPh>
    <rPh sb="22" eb="24">
      <t>ハイチ</t>
    </rPh>
    <rPh sb="24" eb="26">
      <t>カイゼン</t>
    </rPh>
    <rPh sb="26" eb="28">
      <t>カサン</t>
    </rPh>
    <rPh sb="29" eb="31">
      <t>テキヨウ</t>
    </rPh>
    <rPh sb="34" eb="36">
      <t>ジョウタイ</t>
    </rPh>
    <phoneticPr fontId="2"/>
  </si>
  <si>
    <t xml:space="preserve">
◎鹿児島市家庭的保育事業
　 等の設備及び運営の基準
   に関する条例第30条</t>
    <rPh sb="7" eb="10">
      <t>カテイテキ</t>
    </rPh>
    <rPh sb="10" eb="12">
      <t>ホイク</t>
    </rPh>
    <rPh sb="12" eb="14">
      <t>ジギョウ</t>
    </rPh>
    <rPh sb="17" eb="18">
      <t>トウ</t>
    </rPh>
    <phoneticPr fontId="2"/>
  </si>
  <si>
    <t xml:space="preserve">
○学級担任は原則常勤専任とする。</t>
    <rPh sb="2" eb="4">
      <t>ガッキュウ</t>
    </rPh>
    <rPh sb="4" eb="6">
      <t>タンニン</t>
    </rPh>
    <rPh sb="7" eb="9">
      <t>ゲンソク</t>
    </rPh>
    <rPh sb="9" eb="11">
      <t>ジョウキン</t>
    </rPh>
    <rPh sb="11" eb="13">
      <t>センニン</t>
    </rPh>
    <phoneticPr fontId="2"/>
  </si>
  <si>
    <t xml:space="preserve">
◎特定教育・保育等に要する
　 費用の額の算定に関する
   基準等の実施上の留意事
   項について（令和5年5月19
   日こ成保38、5文科初第483
   号）</t>
    <phoneticPr fontId="2"/>
  </si>
  <si>
    <t>◎鹿児島市家庭的保育事業
　 等の設備及び運営の基準
　 に関する条例第6条
◎保育所保育指針
　 第1章－1－(5)、
　 第2章－4－(1)－オ、カ</t>
    <phoneticPr fontId="2"/>
  </si>
  <si>
    <t>（１）利用乳幼児の人権に十分配慮するとともに、日常の保育においても、利用乳幼児
　に身体的、精神的苦痛を与えることがないよう、一人一人の人格を尊重して保育を
　行っているか。</t>
    <rPh sb="3" eb="8">
      <t>リヨウニュウヨウジ</t>
    </rPh>
    <rPh sb="34" eb="39">
      <t>リヨウニュウヨウジ</t>
    </rPh>
    <phoneticPr fontId="2"/>
  </si>
  <si>
    <t>（４）日頃から利用乳幼児の心身の状態（特に不自然な傷や火傷など）を観察し、不適
　切な養育等の発見に努めるとともに、必要に応じて関係機関との連携を図っている
　か。</t>
    <rPh sb="7" eb="9">
      <t>リヨウ</t>
    </rPh>
    <rPh sb="9" eb="12">
      <t>ニュウヨウジ</t>
    </rPh>
    <phoneticPr fontId="2"/>
  </si>
  <si>
    <t>（１）利用乳幼児の健康に関する保健計画を作成しているか。</t>
    <rPh sb="3" eb="5">
      <t>リヨウ</t>
    </rPh>
    <rPh sb="5" eb="8">
      <t>ニュウヨウジ</t>
    </rPh>
    <phoneticPr fontId="2"/>
  </si>
  <si>
    <t>（２）全体的な計画は、保育の方針や目標に基づき、利用乳幼児の発達過程を踏まえ
　て保育の内容が組織的・計画的に構成され事業所生活の全体を通して、総合的に
　展開されるよう、編成されているか。</t>
    <rPh sb="24" eb="26">
      <t>リヨウ</t>
    </rPh>
    <rPh sb="26" eb="29">
      <t>ニュウヨウジ</t>
    </rPh>
    <rPh sb="59" eb="61">
      <t>ジギョウ</t>
    </rPh>
    <phoneticPr fontId="2"/>
  </si>
  <si>
    <t>（１０）利用乳幼児の食事に関する情報（咀嚼や嚥下機能を含む発達や喫食の状況、
　食行動の特徴など）や当日の利用乳幼児の健康状態を把握し、誤嚥等による窒息の
　リスクとなるものを除去しているか。</t>
    <rPh sb="4" eb="9">
      <t>リヨウニュウヨウジ</t>
    </rPh>
    <rPh sb="53" eb="55">
      <t>リヨウ</t>
    </rPh>
    <rPh sb="55" eb="58">
      <t>ニュウヨウジ</t>
    </rPh>
    <phoneticPr fontId="2"/>
  </si>
  <si>
    <t>（１１）食物アレルギーのある利用乳幼児については生活管理指導表等に基づいて対
　応しているか。</t>
    <rPh sb="14" eb="16">
      <t>リヨウ</t>
    </rPh>
    <rPh sb="16" eb="19">
      <t>ニュウヨウジ</t>
    </rPh>
    <phoneticPr fontId="2"/>
  </si>
  <si>
    <t>○守秘義務について就業規則に規定し、誓約書
　 の徴取、職員研修などの措置を講じること。
○正当な理由がある場合の例
 ・利用乳幼児が虐待を受けている状況など、秘
　 密を保持することが利用乳幼児の福祉を侵害
　 し、利用乳幼児の最善の利益を図ることが
   できないような場合において、児童相談所等
　 の関係機関に通知し、対応を協議する場合</t>
    <rPh sb="61" eb="63">
      <t>リヨウ</t>
    </rPh>
    <rPh sb="63" eb="66">
      <t>ニュウヨウジ</t>
    </rPh>
    <rPh sb="93" eb="95">
      <t>リヨウ</t>
    </rPh>
    <rPh sb="95" eb="98">
      <t>ニュウヨウジ</t>
    </rPh>
    <rPh sb="109" eb="111">
      <t>リヨウ</t>
    </rPh>
    <rPh sb="111" eb="114">
      <t>ニュウヨウジ</t>
    </rPh>
    <phoneticPr fontId="2"/>
  </si>
  <si>
    <t>　２　施設全体の防災設備平面図（消防計画に添付した平面図又は既存の資料で可）</t>
    <phoneticPr fontId="2"/>
  </si>
  <si>
    <t>　２　小規模保育事業所の状況</t>
    <rPh sb="3" eb="6">
      <t>ショウキボ</t>
    </rPh>
    <rPh sb="6" eb="8">
      <t>ホイク</t>
    </rPh>
    <rPh sb="8" eb="11">
      <t>ジギョウショ</t>
    </rPh>
    <phoneticPr fontId="2"/>
  </si>
  <si>
    <t>（４）体調不良の利用乳幼児、食物アレルギーのある利用乳幼児、障害のある利用乳幼児等
　に対し、一人一人の心身の状態等に応じた対応がなされているか。</t>
    <rPh sb="8" eb="10">
      <t>リヨウ</t>
    </rPh>
    <rPh sb="10" eb="13">
      <t>ニュウヨウジ</t>
    </rPh>
    <rPh sb="24" eb="26">
      <t>リヨウ</t>
    </rPh>
    <rPh sb="26" eb="29">
      <t>ニュウヨウジ</t>
    </rPh>
    <rPh sb="35" eb="37">
      <t>リヨウ</t>
    </rPh>
    <rPh sb="37" eb="40">
      <t>ニュウヨウジ</t>
    </rPh>
    <phoneticPr fontId="2"/>
  </si>
  <si>
    <t>（５）必要な栄養基準量が給与されているか。</t>
    <phoneticPr fontId="2"/>
  </si>
  <si>
    <t>（６）献立は、予定献立に基づいて実施されているか。
　　献立作成の周期について、該当するものに○印をつけること。
　　　（　　）１０日ごと　　（　　）２週間ごと　　（　　）１か月ごと
　　　（　　）その他（　　　　　　　　　　　　　）</t>
    <phoneticPr fontId="2"/>
  </si>
  <si>
    <t>（７）手作りおやつを提供しているか。
　　「いる」の場合　（　週　　　回　・　月　　　回　）</t>
    <phoneticPr fontId="2"/>
  </si>
  <si>
    <t>（８）給食時間は適切であるか。</t>
    <rPh sb="3" eb="5">
      <t>キュウショク</t>
    </rPh>
    <rPh sb="5" eb="7">
      <t>ジカン</t>
    </rPh>
    <rPh sb="8" eb="10">
      <t>テキセツ</t>
    </rPh>
    <phoneticPr fontId="2"/>
  </si>
  <si>
    <t>４給食の実施状況
（８）</t>
    <phoneticPr fontId="2"/>
  </si>
  <si>
    <t>－</t>
    <phoneticPr fontId="2"/>
  </si>
  <si>
    <t>　○○○○</t>
    <phoneticPr fontId="2"/>
  </si>
  <si>
    <t>※クラスの行が足りない場合は、行を追加してください。</t>
    <rPh sb="5" eb="6">
      <t>ギョウ</t>
    </rPh>
    <rPh sb="7" eb="8">
      <t>タ</t>
    </rPh>
    <rPh sb="11" eb="13">
      <t>バアイ</t>
    </rPh>
    <rPh sb="15" eb="16">
      <t>ギョウ</t>
    </rPh>
    <rPh sb="17" eb="19">
      <t>ツイカ</t>
    </rPh>
    <phoneticPr fontId="2"/>
  </si>
  <si>
    <t>　　　エ　６ページの追加保育士に、養護教諭（主に１歳以上児）を活用している場合、
　　　　保育士が、各時間帯において必要となる数の３分の２以上となっているか。</t>
    <rPh sb="10" eb="12">
      <t>ツイカ</t>
    </rPh>
    <rPh sb="12" eb="15">
      <t>ホイクシ</t>
    </rPh>
    <phoneticPr fontId="2"/>
  </si>
  <si>
    <t>（８）調理従事者等は、毎日作業開始前に、自らの健康状態を衛生管理者（衛生推進者）に報
　告し、衛生管理者（衛生推進者）はその結果を記録しているか。</t>
    <phoneticPr fontId="2"/>
  </si>
  <si>
    <t xml:space="preserve">
１　給食関係者等検便の実施状況（前年度分）
　　※新設の事業所にあっては、今年度の実施状況を記入してください。</t>
    <rPh sb="3" eb="5">
      <t>キュウショク</t>
    </rPh>
    <rPh sb="5" eb="8">
      <t>カンケイシャ</t>
    </rPh>
    <rPh sb="8" eb="9">
      <t>トウ</t>
    </rPh>
    <rPh sb="9" eb="11">
      <t>ケンベン</t>
    </rPh>
    <rPh sb="12" eb="14">
      <t>ジッシ</t>
    </rPh>
    <rPh sb="14" eb="16">
      <t>ジョウキョウ</t>
    </rPh>
    <rPh sb="17" eb="20">
      <t>ゼンネンド</t>
    </rPh>
    <rPh sb="20" eb="21">
      <t>ブン</t>
    </rPh>
    <rPh sb="26" eb="28">
      <t>シンセツ</t>
    </rPh>
    <rPh sb="29" eb="31">
      <t>ジギョウ</t>
    </rPh>
    <rPh sb="31" eb="32">
      <t>ショ</t>
    </rPh>
    <rPh sb="38" eb="41">
      <t>コンネンド</t>
    </rPh>
    <rPh sb="42" eb="44">
      <t>ジッシ</t>
    </rPh>
    <rPh sb="44" eb="46">
      <t>ジョウキョウ</t>
    </rPh>
    <rPh sb="47" eb="49">
      <t>キニュウ</t>
    </rPh>
    <phoneticPr fontId="2"/>
  </si>
  <si>
    <t>◎大量調理施設衛生管理マ
　 ニュアル（平成9年3月24日
　 衛食第85号別添）
◎飲用井戸等衛生対策要領
　 の実施について（昭和62年
　 1月29日衛水第12号）
◎社会福祉施設における飲
 　用井戸及び受水槽の衛生
 　確保について(平成8年7月
 　19日社援施第116号)
◎社会福祉施設における衛
 　生管理について（平成9年
 　3月31日社援施第65号）
◎鹿児島市家庭的保育事業
　 等の設備及び運営の基準
　 に関する条例第15条第1項</t>
    <rPh sb="193" eb="196">
      <t>カテイテキ</t>
    </rPh>
    <rPh sb="196" eb="198">
      <t>ホイク</t>
    </rPh>
    <rPh sb="198" eb="200">
      <t>ジギョウ</t>
    </rPh>
    <rPh sb="203" eb="204">
      <t>トウ</t>
    </rPh>
    <phoneticPr fontId="2"/>
  </si>
  <si>
    <t xml:space="preserve">○水道事業により供給される水以外の井戸水
 　等の水を調理等に使用する場合には、公的
　 検査機関、厚生労働大臣の登録検査機関等
　 に依頼して、年2回以上水質検査を行うこと。
○検査の結果、飲用不適とされた場合は、直ち
　 に保健所長の指示を受け、適切な措置を講
   じること。
○検査結果は、1年間保管すること。
</t>
    <phoneticPr fontId="2"/>
  </si>
  <si>
    <t>届出年月日</t>
    <rPh sb="0" eb="1">
      <t>トド</t>
    </rPh>
    <rPh sb="1" eb="2">
      <t>デ</t>
    </rPh>
    <rPh sb="2" eb="5">
      <t>ネンガッピ</t>
    </rPh>
    <phoneticPr fontId="2"/>
  </si>
  <si>
    <t>実　施</t>
    <rPh sb="0" eb="1">
      <t>ジツ</t>
    </rPh>
    <rPh sb="2" eb="3">
      <t>シ</t>
    </rPh>
    <phoneticPr fontId="2"/>
  </si>
  <si>
    <t>避難訓練</t>
    <rPh sb="0" eb="2">
      <t>ヒナン</t>
    </rPh>
    <rPh sb="2" eb="4">
      <t>クンレン</t>
    </rPh>
    <phoneticPr fontId="2"/>
  </si>
  <si>
    <r>
      <t xml:space="preserve">２　防災訓練の実施状況（前年度分）
</t>
    </r>
    <r>
      <rPr>
        <sz val="9"/>
        <color theme="1"/>
        <rFont val="ＭＳ Ｐゴシック"/>
        <family val="3"/>
        <charset val="128"/>
      </rPr>
      <t>　　※新設の事業所にあっては、今年度の実施状況を記入してください。
　　※不審者対応訓練については、事故防止等の項目に記入し、こちらには記入しないでください。</t>
    </r>
    <rPh sb="21" eb="23">
      <t>シンセツ</t>
    </rPh>
    <rPh sb="24" eb="27">
      <t>ジギョウショ</t>
    </rPh>
    <rPh sb="33" eb="36">
      <t>コンネンド</t>
    </rPh>
    <rPh sb="37" eb="39">
      <t>ジッシ</t>
    </rPh>
    <rPh sb="39" eb="41">
      <t>ジョウキョウ</t>
    </rPh>
    <rPh sb="42" eb="44">
      <t>キニュウ</t>
    </rPh>
    <rPh sb="55" eb="58">
      <t>フシンシャ</t>
    </rPh>
    <rPh sb="58" eb="60">
      <t>タイオウ</t>
    </rPh>
    <rPh sb="60" eb="62">
      <t>クンレン</t>
    </rPh>
    <rPh sb="68" eb="70">
      <t>ジコ</t>
    </rPh>
    <rPh sb="70" eb="72">
      <t>ボウシ</t>
    </rPh>
    <rPh sb="72" eb="73">
      <t>トウ</t>
    </rPh>
    <rPh sb="74" eb="76">
      <t>コウモク</t>
    </rPh>
    <rPh sb="77" eb="79">
      <t>キニュウ</t>
    </rPh>
    <rPh sb="86" eb="88">
      <t>キニュウ</t>
    </rPh>
    <phoneticPr fontId="2"/>
  </si>
  <si>
    <t>○利用乳幼児に対する保育が適正かつ確実に
　 行われ、及び家庭的保育事業者等による保
　 育の提供の終了後も満3歳以上の児童に対し
　 て必要な教育又は保育が継続的に提供され
　 るよう、次に掲げる事項に係る連携協力を行う
　 保育所、幼稚園又は認定こども園を適切に確
　 保しなければならない。</t>
    <phoneticPr fontId="2"/>
  </si>
  <si>
    <t>○家庭的保育事業者等は、利用乳幼児の安全
　 の確保を図るため、事業所等の設備の安全
　 点検、職員、利用乳幼児等に対する事業所
　 外での活動、取組等を含めた家庭的保育事
　 業所等での生活その他の日常生活における
　 安全に関する指導、職員の研修及び訓練そ
　 の他家庭的保育事業所等における安全に関
　 する事項についての計画を策定し、計画に従
　 い必要な措置を講じなければならない。</t>
    <rPh sb="1" eb="4">
      <t>カテイテキ</t>
    </rPh>
    <rPh sb="4" eb="6">
      <t>ホイク</t>
    </rPh>
    <rPh sb="6" eb="8">
      <t>ジギョウ</t>
    </rPh>
    <rPh sb="8" eb="9">
      <t>シャ</t>
    </rPh>
    <rPh sb="12" eb="14">
      <t>リヨウ</t>
    </rPh>
    <rPh sb="14" eb="17">
      <t>ニュウヨウジ</t>
    </rPh>
    <rPh sb="18" eb="20">
      <t>アンゼン</t>
    </rPh>
    <rPh sb="24" eb="26">
      <t>カクホ</t>
    </rPh>
    <rPh sb="27" eb="28">
      <t>ハカ</t>
    </rPh>
    <rPh sb="32" eb="35">
      <t>ジギョウショ</t>
    </rPh>
    <rPh sb="35" eb="36">
      <t>トウ</t>
    </rPh>
    <rPh sb="37" eb="39">
      <t>セツビ</t>
    </rPh>
    <rPh sb="40" eb="42">
      <t>アンゼン</t>
    </rPh>
    <rPh sb="48" eb="50">
      <t>ショクイン</t>
    </rPh>
    <rPh sb="51" eb="53">
      <t>リヨウ</t>
    </rPh>
    <rPh sb="53" eb="56">
      <t>ニュウヨウジ</t>
    </rPh>
    <rPh sb="56" eb="57">
      <t>トウ</t>
    </rPh>
    <rPh sb="58" eb="59">
      <t>タイ</t>
    </rPh>
    <rPh sb="61" eb="64">
      <t>ジギョウショ</t>
    </rPh>
    <rPh sb="70" eb="72">
      <t>カツドウ</t>
    </rPh>
    <rPh sb="73" eb="75">
      <t>トリクミ</t>
    </rPh>
    <rPh sb="75" eb="76">
      <t>トウ</t>
    </rPh>
    <rPh sb="77" eb="78">
      <t>フク</t>
    </rPh>
    <rPh sb="80" eb="83">
      <t>カテイテキ</t>
    </rPh>
    <rPh sb="83" eb="85">
      <t>ホイク</t>
    </rPh>
    <rPh sb="91" eb="92">
      <t>トウ</t>
    </rPh>
    <rPh sb="94" eb="96">
      <t>セイカツ</t>
    </rPh>
    <rPh sb="98" eb="99">
      <t>タ</t>
    </rPh>
    <rPh sb="100" eb="102">
      <t>ニチジョウ</t>
    </rPh>
    <rPh sb="102" eb="104">
      <t>セイカツ</t>
    </rPh>
    <rPh sb="114" eb="115">
      <t>カン</t>
    </rPh>
    <rPh sb="117" eb="119">
      <t>シドウ</t>
    </rPh>
    <rPh sb="120" eb="122">
      <t>ショクイン</t>
    </rPh>
    <rPh sb="123" eb="125">
      <t>ケンシュウ</t>
    </rPh>
    <rPh sb="125" eb="126">
      <t>オヨ</t>
    </rPh>
    <rPh sb="127" eb="129">
      <t>クンレン</t>
    </rPh>
    <rPh sb="134" eb="135">
      <t>タ</t>
    </rPh>
    <rPh sb="135" eb="138">
      <t>カテイテキ</t>
    </rPh>
    <rPh sb="138" eb="140">
      <t>ホイク</t>
    </rPh>
    <rPh sb="140" eb="143">
      <t>ジギョウショ</t>
    </rPh>
    <rPh sb="143" eb="144">
      <t>トウ</t>
    </rPh>
    <rPh sb="148" eb="150">
      <t>アンゼン</t>
    </rPh>
    <rPh sb="151" eb="152">
      <t>カン</t>
    </rPh>
    <rPh sb="157" eb="159">
      <t>ジコウ</t>
    </rPh>
    <rPh sb="164" eb="166">
      <t>ケイカク</t>
    </rPh>
    <rPh sb="167" eb="169">
      <t>サクテイ</t>
    </rPh>
    <rPh sb="171" eb="173">
      <t>ケイカク</t>
    </rPh>
    <rPh sb="174" eb="175">
      <t>シタガ</t>
    </rPh>
    <rPh sb="179" eb="181">
      <t>ヒツヨウ</t>
    </rPh>
    <rPh sb="182" eb="184">
      <t>ソチ</t>
    </rPh>
    <rPh sb="185" eb="186">
      <t>コウ</t>
    </rPh>
    <phoneticPr fontId="2"/>
  </si>
  <si>
    <t>□安全計画</t>
    <phoneticPr fontId="2"/>
  </si>
  <si>
    <t>◎鹿児島市家庭的保育事業
　 等の設備及び運営の基準
   に関する条例第8条の2</t>
    <phoneticPr fontId="2"/>
  </si>
  <si>
    <t>●児童福祉行政指導監査の実施について（通知）（令和7年3月21日こ成事第175号、こ支総第50号）
別紙1-2-(2)-第1-〔保育所〕-(5)</t>
    <phoneticPr fontId="2"/>
  </si>
  <si>
    <t>○以上の一連の対応を実施することをもって事業所等における安全計画の策定
　 を行ったこととすること。
○安全計画では、事業所等の設備の安全点検の実施に関すること、保育士等の
 　職員や児童に対し、事業所内での保育時はもちろん、散歩等の園外活動時や、
　 事業所等が独自にバス等による送迎サービスを実施している場合におけるバ
　 ス等での運行時など施設外での活動、取組等においても、安全確保ができる
　 ために行う指導に関すること、安全確保に係る取組等を確実に行うための職員
　 への研修や訓練に関することなどを計画的に行うためのものであることが求め
　 られる。
○策定した安全計画について、施設長等は実際に利用乳幼児に保育を提供する
　 保育士等の職員に周知するとともに、研修や訓練を定期的に実施しなければ
　 ならない。
○施設長等は、利用乳幼児の保護者等に対し、家庭での安全教育の実施等を
　 促すなど安全に関する連携を図るため、施設での安全計画に基づく取組の内
　 容等を入園時等の機会において説明を行うなどにより周知しなければならない。
○施設長等は、PDCAサイクルの観点から、定期的に安全計画の見直しを行うと
　 ともに、必要に応じて安全計画の変更を行うものとする。</t>
    <rPh sb="20" eb="23">
      <t>ジギョウショ</t>
    </rPh>
    <rPh sb="59" eb="62">
      <t>ジギョウショ</t>
    </rPh>
    <rPh sb="98" eb="101">
      <t>ジギョウショ</t>
    </rPh>
    <rPh sb="127" eb="129">
      <t>ジギョウ</t>
    </rPh>
    <rPh sb="304" eb="306">
      <t>リヨウ</t>
    </rPh>
    <rPh sb="306" eb="309">
      <t>ニュウヨウジ</t>
    </rPh>
    <rPh sb="372" eb="375">
      <t>ニュウヨウジ</t>
    </rPh>
    <phoneticPr fontId="2"/>
  </si>
  <si>
    <t>◎鹿児島市家庭的保育事業
　 等の設備及び運営の基準
   に関する条例第19条第10
　 項</t>
    <rPh sb="40" eb="41">
      <t>ダイ</t>
    </rPh>
    <rPh sb="46" eb="47">
      <t>コウ</t>
    </rPh>
    <phoneticPr fontId="2"/>
  </si>
  <si>
    <t xml:space="preserve">（結果の活用）
</t>
    <phoneticPr fontId="2"/>
  </si>
  <si>
    <t>○管理者を配置しているか否かの認定は、概ね
　 次の基準による。
   管理者は、児童福祉事業等に2年以上従事し
　 た者又はこれと同等以上の能力を有すると認
　 められる者で、常時実際にその事業所の運営
　 管理の業務に専従し、かつ給付費からの給与
　 支出がある者とする。</t>
    <rPh sb="1" eb="4">
      <t>カンリシャ</t>
    </rPh>
    <rPh sb="37" eb="40">
      <t>カンリシャ</t>
    </rPh>
    <rPh sb="97" eb="100">
      <t>ジギョウショ</t>
    </rPh>
    <rPh sb="118" eb="120">
      <t>キュウフ</t>
    </rPh>
    <phoneticPr fontId="2"/>
  </si>
  <si>
    <t>○運営、経営の責任者である理事長等の役員、
　 施設長及び職員は国等の行う研修会に積極
　 的に参加するなど役職員の資質向上に努め
　 なければならない。</t>
    <phoneticPr fontId="2"/>
  </si>
  <si>
    <t>○配置基準を満たしていない場合、早急に充足
　 すること。</t>
    <phoneticPr fontId="2"/>
  </si>
  <si>
    <t>○保育士の数は、次の各号に掲げる区分に応
   じ、当該各号に定める数の合計数に1を加え
   た数以上とする。
   (1)　乳児　おおむね3人につき1人
   (2)　満1歳以上満3歳に満たない幼児　おおむ
      ね6人につき1人</t>
    <phoneticPr fontId="2"/>
  </si>
  <si>
    <t>○乳児を含む各組や各グループであって、当該
　 組・グループに係る最低基準上の保育士定数
　 が2人以上の場合は、1人以上ではなく2人以上
　 となる。</t>
    <rPh sb="68" eb="69">
      <t>ウエ</t>
    </rPh>
    <phoneticPr fontId="2"/>
  </si>
  <si>
    <t>○児童が少数かつ年齢別配置基準で必要保育
　 士等数が1人となる朝夕等の時間帯に限り、
　 保育士の数は1人以上とすることができる。
　 ただし、配置される保育士の数が1人となると
　 きは、当該保育士に加えて、保育士と同等の
　 知識及び経験を有すると市長が認める者を置
　 かなければならない。</t>
    <rPh sb="16" eb="18">
      <t>ヒツヨウ</t>
    </rPh>
    <rPh sb="24" eb="25">
      <t>トウ</t>
    </rPh>
    <rPh sb="50" eb="51">
      <t>カズ</t>
    </rPh>
    <rPh sb="54" eb="56">
      <t>イジョウ</t>
    </rPh>
    <phoneticPr fontId="2"/>
  </si>
  <si>
    <t>○給付費の基本分単価に非常勤調理員等とし
　 て含まれているが、調理業務の全部を委託す
　 る場合や搬入施設から食事を搬入する場合
 　は、調理員を置かないことができる。</t>
    <rPh sb="1" eb="3">
      <t>キュウフ</t>
    </rPh>
    <rPh sb="11" eb="14">
      <t>ヒジョウキン</t>
    </rPh>
    <rPh sb="14" eb="17">
      <t>チョウリイン</t>
    </rPh>
    <rPh sb="17" eb="18">
      <t>トウ</t>
    </rPh>
    <phoneticPr fontId="2"/>
  </si>
  <si>
    <t>○当該小規模保育事業所Ａ型に勤務する保健
　 師、看護師又は准看護師を、1人に限り、保育
　 士とみなすことができる。</t>
    <rPh sb="3" eb="6">
      <t>ショウキボ</t>
    </rPh>
    <rPh sb="6" eb="8">
      <t>ホイク</t>
    </rPh>
    <rPh sb="8" eb="11">
      <t>ジギョウショ</t>
    </rPh>
    <rPh sb="12" eb="13">
      <t>ガタ</t>
    </rPh>
    <phoneticPr fontId="2"/>
  </si>
  <si>
    <t>○全体的な計画は事業所の全体像を包括的に
　 示すものとする。</t>
    <rPh sb="8" eb="11">
      <t>ジギョウショ</t>
    </rPh>
    <rPh sb="16" eb="18">
      <t>ホウカツ</t>
    </rPh>
    <phoneticPr fontId="2"/>
  </si>
  <si>
    <t>○全体的な計画
　 養護及び、教育に関わる内容の領域としての
　 「健康」「人間関係」「環境」「言葉」「表現」 の５
　 領域の目標を達成するために、各事業所の保
　 育の方針や目標に基づき、利用乳幼児の発達
　 過程を踏まえて、保育の内容が組織的 ・計画
　 的に構成され、保育所の生活の全体を通して、
　 総合的に展開されるよう、又、利用乳幼児や家
　 庭の状況、地域の実態、保育時間などを考慮
　 し、利用乳幼児の育ちに関する長期的見通し
　 をもって適切に作成すること。</t>
    <rPh sb="76" eb="78">
      <t>ジギョウ</t>
    </rPh>
    <rPh sb="96" eb="98">
      <t>リヨウ</t>
    </rPh>
    <rPh sb="98" eb="101">
      <t>ニュウヨウジ</t>
    </rPh>
    <rPh sb="169" eb="171">
      <t>リヨウ</t>
    </rPh>
    <rPh sb="171" eb="174">
      <t>ニュウヨウジ</t>
    </rPh>
    <rPh sb="175" eb="176">
      <t>イエ</t>
    </rPh>
    <rPh sb="204" eb="206">
      <t>リヨウ</t>
    </rPh>
    <rPh sb="206" eb="209">
      <t>ニュウヨウジ</t>
    </rPh>
    <phoneticPr fontId="2"/>
  </si>
  <si>
    <t>○3歳未満児について、一人一人の生育歴、心
　 身の発達、活動の実態に即して個別的な計画
　 を作成すること。</t>
    <phoneticPr fontId="2"/>
  </si>
  <si>
    <t>○障害のある子について、家庭や関係機関と連
　 携した支援のための計画を個別に作成するな
　 ど適切な対応を図ること。</t>
    <phoneticPr fontId="2"/>
  </si>
  <si>
    <t>○乳幼児期にふさわしい食生活が展開され、適
　 切な援助が行われるよう、食事の提供を含む
　 食育計画を全体的な計画に基づいて作成し、
　 その評価及び改善に努めること。</t>
    <phoneticPr fontId="2"/>
  </si>
  <si>
    <t>○健康診断（内科2回、歯科1回）、消火・避難
　 訓練（毎月）等が、行事計画に掲げられている
　 こと。</t>
    <phoneticPr fontId="2"/>
  </si>
  <si>
    <t>○利用乳幼児の心身の状態に応じて保育する
　 ために、健康状態並びに発育及び発達状態
　 について、定期的、継続的に、また、必要に応
　 じて随時、把握（記録）すること。</t>
    <rPh sb="1" eb="3">
      <t>リヨウ</t>
    </rPh>
    <rPh sb="3" eb="6">
      <t>ニュウヨウジ</t>
    </rPh>
    <phoneticPr fontId="2"/>
  </si>
  <si>
    <t>○理由のない欠席や早退など、不適切な養育
　 が疑われる場合は、市所管課や関係機関と
　 も密接な連携を図ることが必要である。</t>
    <phoneticPr fontId="2"/>
  </si>
  <si>
    <t>○家庭的保育事業者は、常に保育する利用乳
　 幼児の保護者と密接な連絡をとり、保育の内
　 容等につき、その保護者の理解及び協力を得
　 るよう努めなければならない。
○保護者からの情報とともに、登所時及び保育
　 中を通じて利用乳幼児の状態を観察し、何ら
　 かの疾病が疑われる状態や傷害が認められ
　 た場合には、保護者に連絡すること。
○日常の保育に関連した様々な機会を活用し
　 利用乳幼児の日々の様子の伝達や収集、事
　 業所保育の意図の説明などを通じて、保護者
　 との相互理解を図るよう努めること。</t>
    <rPh sb="17" eb="19">
      <t>リヨウ</t>
    </rPh>
    <rPh sb="114" eb="116">
      <t>リヨウ</t>
    </rPh>
    <rPh sb="116" eb="119">
      <t>ニュウヨウジ</t>
    </rPh>
    <rPh sb="196" eb="198">
      <t>リヨウ</t>
    </rPh>
    <rPh sb="198" eb="201">
      <t>ニュウヨウジ</t>
    </rPh>
    <phoneticPr fontId="2"/>
  </si>
  <si>
    <t>○家庭的保育事業者等は、利用乳幼児の人権
　 に十分配慮するとともに、一人一人の人格を
　 尊重して、その運営を行わなければならない。
○子どもの国籍や文化の違いを認め、互いに尊
　 重する心を育てるようにすること。
　 また、子どもの性差や個人差にも留意しつつ、
　 性別などによる固定的な意識を植え付けるこ
　 とがないようにすること。</t>
    <rPh sb="1" eb="4">
      <t>カテイテキ</t>
    </rPh>
    <rPh sb="4" eb="6">
      <t>ホイク</t>
    </rPh>
    <rPh sb="6" eb="8">
      <t>ジギョウ</t>
    </rPh>
    <rPh sb="8" eb="9">
      <t>シャ</t>
    </rPh>
    <rPh sb="9" eb="10">
      <t>トウ</t>
    </rPh>
    <rPh sb="12" eb="14">
      <t>リヨウ</t>
    </rPh>
    <rPh sb="14" eb="17">
      <t>ニュウヨウジ</t>
    </rPh>
    <rPh sb="53" eb="55">
      <t>ウンエイ</t>
    </rPh>
    <phoneticPr fontId="2"/>
  </si>
  <si>
    <t>○利用乳幼児の国籍、信条、社会的身分又は
　 利用に要する費用を負担するか否かによって、
　 差別的取扱いをしてはならない。
○職員一人一人が利用乳幼児の人権・人格を
　 尊重する意識を共有すること。
○各職員や施設単位で、日々の保育実践にお
　 ける振り返りを行うこと。
○利用乳幼児の人権・人格を尊重する保育につ
　 いての教育・研修を行うこと。</t>
    <rPh sb="1" eb="3">
      <t>リヨウ</t>
    </rPh>
    <rPh sb="3" eb="6">
      <t>ニュウヨウジ</t>
    </rPh>
    <rPh sb="23" eb="25">
      <t>リヨウ</t>
    </rPh>
    <rPh sb="71" eb="73">
      <t>リヨウ</t>
    </rPh>
    <rPh sb="73" eb="76">
      <t>ニュウヨウジ</t>
    </rPh>
    <rPh sb="138" eb="140">
      <t>リヨウ</t>
    </rPh>
    <rPh sb="140" eb="143">
      <t>ニュウヨウジ</t>
    </rPh>
    <phoneticPr fontId="2"/>
  </si>
  <si>
    <t>○「不適切な保育の未然防止及び発生時の対
　 応についての手引き」や「保育所・認定こども
　 園等における人権擁護のためのセルフチェッ
　 クリスト」を活用し、保育の在り方を点検する
　 こと。</t>
    <phoneticPr fontId="2"/>
  </si>
  <si>
    <t>○マニュアルを作成するなどして、基本的な対
　 応の手順や内容を明確にし、全職員が共有し
　 て適切に実践できるようにしておくこと。また、
　 市町村をはじめとする関係機関とも密接な連
　 携を図ること。
○保育士等が子どもの状態を把握するための
　 視点
　 ・子どもの身体の状態　・心や行動の状態
　 ・不適切な養育状態　　・親や家族の状態　等
○日頃から、保護者との接触を十分に行い、相
　 談を受けたり、支援を行ったりすることにより、
　 虐待の発生を未然に防ぐことが出来る。</t>
    <phoneticPr fontId="2"/>
  </si>
  <si>
    <t>○児童虐待の防止等に関する法律（平成12年
　 法律第82号。以下「児童虐待防止法」という。）
　 第6条が規定する通告義務は保育所や保育
　 士等にも課せられており、虐待が疑われる場
　 合には、市町村又は児童相談所への速やか
　 な通告とともに、これらをはじめとする関係機
　 関との連携、協働が求められる。
○通告義務は、守秘義務（児童福祉法第18条
　 の22）より優先されることに留意しなければな
　 らない。</t>
    <phoneticPr fontId="2"/>
  </si>
  <si>
    <t>○全職員がそのねらいや内容を明確にしなが
　 ら、一人一人の健康の保持及び増進に努め
　 ること。</t>
    <phoneticPr fontId="2"/>
  </si>
  <si>
    <t>○小規模保育事業所A型には、保育士、嘱託医
　 及び調理員を置かなければならない。
　 ただし、搬入施設から搬入する場合置かない
　 ことができる。
○嘱託医、嘱託歯科医</t>
    <rPh sb="48" eb="50">
      <t>ハンニュウ</t>
    </rPh>
    <rPh sb="50" eb="52">
      <t>シセツ</t>
    </rPh>
    <rPh sb="54" eb="56">
      <t>ハンニュウ</t>
    </rPh>
    <rPh sb="58" eb="60">
      <t>バアイ</t>
    </rPh>
    <rPh sb="60" eb="61">
      <t>オ</t>
    </rPh>
    <rPh sb="77" eb="79">
      <t>ショクタク</t>
    </rPh>
    <rPh sb="79" eb="80">
      <t>イ</t>
    </rPh>
    <rPh sb="81" eb="83">
      <t>ショクタク</t>
    </rPh>
    <rPh sb="83" eb="86">
      <t>シカイ</t>
    </rPh>
    <phoneticPr fontId="2"/>
  </si>
  <si>
    <t>○家庭的保育事業者等は、利用乳幼児に対し、
　 利用開始時の健康診断、少なくとも1年に2回
　 の定期健康診断及び臨時の健康診断を、学
　 校保健安全法(昭和33年法律第56号)に規定
　 する健康診断に準じて行わなければならない。</t>
    <phoneticPr fontId="2"/>
  </si>
  <si>
    <t>○健康診断は、毎学年、6月30日までに行うもの
　 とする。ただし、疾病その他やむを得ない事由
　 によって当該期日に健康診断を受けることの
　 できなかった者に対しては、その事由のなくな
　 った後すみやかに健康診断を行うものとする。</t>
    <phoneticPr fontId="2"/>
  </si>
  <si>
    <t>○検診当日欠席した利用乳幼児については、保
　 護者へ依頼せず、事業所の責任において受診
　 させること。</t>
    <rPh sb="9" eb="11">
      <t>リヨウ</t>
    </rPh>
    <rPh sb="11" eb="14">
      <t>ニュウヨウジ</t>
    </rPh>
    <rPh sb="32" eb="34">
      <t>ジギョウ</t>
    </rPh>
    <phoneticPr fontId="2"/>
  </si>
  <si>
    <t>○アレルギー疾患をもつ利用乳幼児について
　 は、医師の診断及び指示に基づいて、適切に
　 対応する必要がある。
　 対応に当たっては、生活管理指導表により、
　 事業所と保護者等の間で情報を共有すること
　 が必須である。</t>
    <rPh sb="11" eb="13">
      <t>リヨウ</t>
    </rPh>
    <rPh sb="13" eb="16">
      <t>ニュウヨウジ</t>
    </rPh>
    <rPh sb="82" eb="84">
      <t>ジギョウ</t>
    </rPh>
    <phoneticPr fontId="2"/>
  </si>
  <si>
    <t>○必要な医薬品その他の医療品を備えるととも
　 に、それらの管理を適正に行うこと。</t>
    <phoneticPr fontId="2"/>
  </si>
  <si>
    <t>○事業所で薬を与える場合は、医師の指示に
　 基づいた薬に限定すること。
○与薬にあたっては、複数の保育士等で、重複
　 与薬、人違い、与薬量の誤認、与薬忘れ等が
　 ないよう確認すること。
○保護者から預かった薬については、他の子
　 どもが誤って内服することがないように施錠
　 の出来る場所に保管するなど、管理を徹底
　 すること。</t>
    <rPh sb="1" eb="3">
      <t>ジギョウ</t>
    </rPh>
    <phoneticPr fontId="2"/>
  </si>
  <si>
    <t>○開園日は、年末年始・日曜日・祝日を除いた
　 日を原則とする。</t>
    <phoneticPr fontId="2"/>
  </si>
  <si>
    <t>○他の社会福祉施設等を併せて設置するとき
　 は、その行う保育に支障がない場合に限り、
　 必要に応じ当該家庭的保育事業所等の設備
　 及び職員の一部を併せて設置する他の社会
　 福祉施設等の設備及び職員に兼ねることが
　 できる。</t>
    <phoneticPr fontId="2"/>
  </si>
  <si>
    <t>○部屋の目的外使用等は、市への届出が必要。
○乳児又は満2歳に満たない幼児を利用させる
　 小規模保育事業所A型には、乳児室又はほふ
　 く室、調理設備及び便所を設けること。
○満2歳以上の幼児を利用させる小規模保育事
　 業所A型には、保育室又は遊戯室、屋外遊戯
　 場、調理設備及び便所を設けること。</t>
    <rPh sb="18" eb="20">
      <t>ヒツヨウ</t>
    </rPh>
    <phoneticPr fontId="2"/>
  </si>
  <si>
    <t>○検食は、食事の栄養、衛生、嗜好的観点か
　 ら実施するものであり、食器の工夫、適度な
　 温度、盛りつけなど利用者の立場に配慮のこ
　 と。
○検食は、利用者が喫食するより前に行うこと。
○検食は、同一職員によらず、複数の職員で行
　 うこと。
○結果については、今後の給食に反映するよう
　 記録し、保存すること。
○検食に係る一人分の費用は施設会計から支
　 出して差し支えないこと。</t>
    <phoneticPr fontId="2"/>
  </si>
  <si>
    <t>○献立作成、調理、盛りつけ・配膳、喫食等各場
　 面を通して関係する職員が多岐にわたること
　 から、定期的に施設長を含む関係職員による
　 情報の共有を図り、食事の計画・評価を行うこ
　 と。</t>
    <rPh sb="21" eb="22">
      <t>バ</t>
    </rPh>
    <phoneticPr fontId="2"/>
  </si>
  <si>
    <t>○必要に応じて療育機関、医療機関等の専門
　 職の指導・指示を受けることが必要。
○栄養士が配置されている場合は、利用乳幼
　 児の健康状態、発育・発達状態、栄養状態、
　 食生活の状況をみながら、その専門性を活か
　 して、献立作成、食材料の選定、調理方法、
　 摂取の方法、摂取量の指導に当たることが望
　 まれる。</t>
    <rPh sb="57" eb="59">
      <t>リヨウ</t>
    </rPh>
    <phoneticPr fontId="2"/>
  </si>
  <si>
    <t>○できる限り、変化に富み、利用乳幼児の健全
　 な発育に必要な栄養量を含有するものでなけ
　 ればならない。</t>
    <phoneticPr fontId="2"/>
  </si>
  <si>
    <t>○子どもの咀嚼や嚥下機能、食具使用の発達
　 状況等を観察し、その発達を促すことができ
　 るよう、食品の種類や調理方法に配慮すると
　 ともに、子どもの食に関する嗜好や体験が広
　 がりかつ深まるよう、多様な食品や料理の組
　 み合わせにも配慮すること。</t>
    <phoneticPr fontId="2"/>
  </si>
  <si>
    <t>○「子どもが食べたいもの、好きなものが増え
　 る」ように、子どもの要望を取り入れる機会を
　 設けることが望ましい。
○障害や疾患、食物アレルギーを有する子ど
　 も等、個人ごとの発育、発達状況等を把握し、
　 提供する食事の量と質についての計画を立
　 てているか。</t>
    <phoneticPr fontId="2"/>
  </si>
  <si>
    <t>○次のア、イ又はウの場合は、市町村等の社会
　 福祉施設等主管部局に迅速に、感染症又は
　 食中毒が疑われる者等の人数、症状、対応状
　 況等を報告するとともに、併せて保健所に報告
　 し、指示を求めるなどの措置を講ずること。
　(ｱ) 同一の感染症若しくは食中毒による又は
　　　 それらによると疑われる死亡者又は重篤
　　　 患者が1週間以内に2名以上発生した場
　　　 合。
　(ｲ) 同一の感染症若しくは食中毒の患者又は
   　　それらが疑われるものが10名以上又は全
   　　利用者の半数以上発生した場合。
　(ｳ) (ｱ)及び(ｲ)に該当しない場合であっても通
　   　常の発生動向を上回る感染症等の発生
       が疑われ、特に施設長が報告を必要と認
       めた場合。
○上記届出基準に該当した場合、電子申請
　 フォームにより初回報告し、最後に感染が確
　 認されてから、おおよそ1週間程度（疾病によ
　 り異なる）新規感染者がいない場合、電子申
　 請フォームにより終息報告をすること。（R7.
　 4.1～）
○報告を行った施設においては、その原因の
　 究明に資するため、当該患者の診察医等と
　 連携の上、血液、便、吐物等の検体を確保す
　 るよう努めること。</t>
    <rPh sb="20" eb="21">
      <t>カイ</t>
    </rPh>
    <phoneticPr fontId="2"/>
  </si>
  <si>
    <r>
      <t>１　防災設備の整備状況</t>
    </r>
    <r>
      <rPr>
        <b/>
        <sz val="9"/>
        <color theme="1"/>
        <rFont val="ＭＳ Ｐゴシック"/>
        <family val="3"/>
        <charset val="128"/>
      </rPr>
      <t>（新設・変更のあった事業所のみ記入すること。）</t>
    </r>
    <rPh sb="21" eb="24">
      <t>ジギョウショ</t>
    </rPh>
    <phoneticPr fontId="2"/>
  </si>
  <si>
    <t>小規模保育事業（Ａ型）</t>
    <rPh sb="0" eb="3">
      <t>ショウキボ</t>
    </rPh>
    <rPh sb="3" eb="5">
      <t>ホイク</t>
    </rPh>
    <rPh sb="5" eb="7">
      <t>ジギョウ</t>
    </rPh>
    <rPh sb="9" eb="10">
      <t>ガタ</t>
    </rPh>
    <phoneticPr fontId="2"/>
  </si>
  <si>
    <t>※算出数は、各年齢区分の小数点第2位以下を切り捨てとし、計欄で小数点以下を四捨五入すること。</t>
    <phoneticPr fontId="2"/>
  </si>
  <si>
    <t>○施設長（※管理者で読み替え）は、事業所の
　 役割や社会的責任を遂行するために、法令等
　 を遵守し、事業所を取り巻く社会情勢等を踏ま
　 え、施設長としての専門性等の向上に努め、
　 当該保育所における保育の質及び職員の専
　 門性向上のために必要な環境の確保に努め
　 なければならない。また、施設長（※管理者で
 　読み替え）は、事業所の全体的な計画や、各
　 職員の研修の必要性等を踏まえて、体系的・
 　計画的な研修機会を確保するとともに、職員
　 の勤務体制の工夫等により、職員が計画的に
 　研修等に参加し、その専門性の向上が図られ
　 るよう努めなければならない。</t>
    <rPh sb="6" eb="9">
      <t>カンリシャ</t>
    </rPh>
    <rPh sb="10" eb="11">
      <t>ヨ</t>
    </rPh>
    <rPh sb="12" eb="13">
      <t>カ</t>
    </rPh>
    <rPh sb="17" eb="20">
      <t>ジギョウショ</t>
    </rPh>
    <rPh sb="43" eb="44">
      <t>トウ</t>
    </rPh>
    <rPh sb="52" eb="54">
      <t>ジギョウ</t>
    </rPh>
    <rPh sb="169" eb="171">
      <t>ジギョウ</t>
    </rPh>
    <phoneticPr fontId="2"/>
  </si>
  <si>
    <t>□行事計画</t>
    <phoneticPr fontId="2"/>
  </si>
  <si>
    <t>（１）食事の提供や検食を実施しているか。
　　「いる」の場合、実施状況を記入すること。</t>
    <phoneticPr fontId="2"/>
  </si>
  <si>
    <t>（１１）（１０）の具体的計画の内容について、職員及び利用乳幼児等に分かりやすく施
　設内に掲示しているか。</t>
    <rPh sb="28" eb="31">
      <t>ニュウヨウジ</t>
    </rPh>
    <rPh sb="31" eb="32">
      <t>トウ</t>
    </rPh>
    <phoneticPr fontId="2"/>
  </si>
  <si>
    <t>○施設における日常の安全管理項目
　（職員の共通理解と所内体制）
　・安全管理に関し、職員会議等で取り上げるなど、職員の共通理解を図っ
　　ているか。
　・児童の安全管理に関して、職員の役割を明確にし、協力体制のもと事故　　
　　防止にあたっているか。
　・職員体制が手薄の時は、特に安全に対し注意しているか。
　・万一の場合の避難場所や保護者・関係機関等への連絡方法を職員に周
　　知しているか。
　・来訪者用の入口・受付を明示し、外部からの人の出入りを確認しているか。
　・防災・防犯のための避難訓練等を実施しているか。
　（関係機関等との連携）
　・市町村の施設・事業所管課、警察署、児童相談所、保健所等関係機関や
　　民生・児童委員、地域団体と連絡を取り、連携して情報を共有できる体制
　　となっているか。
　・関係機関からの注意依頼文書を配布・掲示するなど周知徹底しているか。
　・近隣の個人、保育所、幼稚園、学校等と相互に情報交換する関係になっ
　 ているか。
　（施設・事業者と保護者の取組）
　・利用乳幼児に対し、犯罪や事故から身を守るため、屋外活動に当たっての注
　 意事項を職員が指導しているか。また、家庭でも話し合われるよう働きかけて
　 いるか。
　（施設設備面における安全確保）
　・門、囲障、外灯、窓、出入口、避難口、鍵等の状況を点検しているか、
　・危険な設備、場所等への囲障の設置、施錠等の状況を点検しているか。
　・自動警報装置、防犯管理システム等を設置している場合は、作動状況の
   点検、警備会社等との連携体制を確認しているか。
　（近隣地域の危険個所の把握と対応）
　・日ごろから地域の安全に目を配り、危険個所の把握に努めているか。
　（通所時における安全確保）
　・利用乳幼児の送迎は原則として保護者が行うべきことを保護者に徹底してい
　 るか。
　・保護者以外の者が迎えに来る場合、原則としてその都度職員が保護者に
　　確認しているか。
　（園外活動における安全確認）
　・危険な場所、設備等を把握しているか。
　・携帯電話等による連絡体制を確保しているか。
　※事故防止、事故発生時の対応のため必ず職員を複数配置すること。</t>
    <rPh sb="458" eb="460">
      <t>リヨウ</t>
    </rPh>
    <rPh sb="460" eb="463">
      <t>ニュウヨウジ</t>
    </rPh>
    <rPh sb="760" eb="762">
      <t>リヨウ</t>
    </rPh>
    <rPh sb="762" eb="765">
      <t>ニュウヨウジ</t>
    </rPh>
    <rPh sb="850" eb="851">
      <t>エン</t>
    </rPh>
    <phoneticPr fontId="2"/>
  </si>
  <si>
    <t>※前年度の記録状況</t>
    <rPh sb="1" eb="4">
      <t>ゼンネンド</t>
    </rPh>
    <rPh sb="5" eb="7">
      <t>キロク</t>
    </rPh>
    <rPh sb="7" eb="9">
      <t>ジョウキョウ</t>
    </rPh>
    <phoneticPr fontId="2"/>
  </si>
  <si>
    <t>（４）職員又は職員であった者が、正当な理由がなく、業務上知り得た利用乳幼児又はその家
　族の秘密を漏らすことがないよう、必要な措置を講じているか。</t>
    <rPh sb="34" eb="37">
      <t>ニュウヨウジ</t>
    </rPh>
    <rPh sb="41" eb="42">
      <t>イエ</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歳&quot;\)"/>
    <numFmt numFmtId="177" formatCode="#,##0&quot;円&quot;"/>
    <numFmt numFmtId="178" formatCode="#,##0&quot;人&quot;"/>
    <numFmt numFmtId="179" formatCode="#,##0;&quot;△ &quot;#,##0"/>
    <numFmt numFmtId="180" formatCode="#,##0&quot;回&quot;"/>
    <numFmt numFmtId="181" formatCode="#,##0&quot;千円&quot;"/>
    <numFmt numFmtId="182" formatCode="#,##0&quot;件&quot;"/>
    <numFmt numFmtId="183" formatCode="#,##0.0&quot;人&quot;"/>
    <numFmt numFmtId="184" formatCode="#,##0.00&quot;㎡&quot;"/>
  </numFmts>
  <fonts count="33" x14ac:knownFonts="1">
    <font>
      <sz val="11"/>
      <color theme="1"/>
      <name val="游ゴシック"/>
      <family val="2"/>
      <charset val="128"/>
      <scheme val="minor"/>
    </font>
    <font>
      <sz val="11"/>
      <color theme="1"/>
      <name val="ＭＳ Ｐゴシック"/>
      <family val="3"/>
      <charset val="128"/>
    </font>
    <font>
      <sz val="6"/>
      <name val="游ゴシック"/>
      <family val="2"/>
      <charset val="128"/>
      <scheme val="minor"/>
    </font>
    <font>
      <sz val="12"/>
      <name val="ＭＳ Ｐゴシック"/>
      <family val="3"/>
      <charset val="128"/>
    </font>
    <font>
      <sz val="6"/>
      <name val="ＭＳ Ｐゴシック"/>
      <family val="3"/>
      <charset val="128"/>
    </font>
    <font>
      <sz val="9"/>
      <name val="ＭＳ Ｐゴシック"/>
      <family val="3"/>
      <charset val="128"/>
    </font>
    <font>
      <sz val="9"/>
      <color theme="1"/>
      <name val="ＭＳ Ｐゴシック"/>
      <family val="3"/>
      <charset val="128"/>
    </font>
    <font>
      <sz val="10"/>
      <color theme="1"/>
      <name val="ＭＳ Ｐゴシック"/>
      <family val="3"/>
      <charset val="128"/>
    </font>
    <font>
      <b/>
      <sz val="11"/>
      <color theme="1"/>
      <name val="ＭＳ Ｐゴシック"/>
      <family val="3"/>
      <charset val="128"/>
    </font>
    <font>
      <sz val="12"/>
      <color theme="1"/>
      <name val="ＭＳ Ｐゴシック"/>
      <family val="3"/>
      <charset val="128"/>
    </font>
    <font>
      <sz val="8"/>
      <color theme="1"/>
      <name val="ＭＳ Ｐゴシック"/>
      <family val="3"/>
      <charset val="128"/>
    </font>
    <font>
      <b/>
      <sz val="10"/>
      <color theme="1"/>
      <name val="ＭＳ Ｐゴシック"/>
      <family val="3"/>
      <charset val="128"/>
    </font>
    <font>
      <sz val="11"/>
      <name val="ＭＳ Ｐゴシック"/>
      <family val="3"/>
      <charset val="128"/>
    </font>
    <font>
      <b/>
      <sz val="16"/>
      <color theme="1"/>
      <name val="ＭＳ Ｐゴシック"/>
      <family val="3"/>
      <charset val="128"/>
    </font>
    <font>
      <sz val="12"/>
      <name val="ＭＳ 明朝"/>
      <family val="1"/>
      <charset val="128"/>
    </font>
    <font>
      <sz val="10"/>
      <color rgb="FF000000"/>
      <name val="ＭＳ Ｐゴシック"/>
      <family val="3"/>
      <charset val="128"/>
    </font>
    <font>
      <b/>
      <u/>
      <sz val="11"/>
      <color theme="1"/>
      <name val="ＭＳ Ｐゴシック"/>
      <family val="3"/>
      <charset val="128"/>
    </font>
    <font>
      <sz val="11"/>
      <color theme="1"/>
      <name val="游ゴシック"/>
      <family val="3"/>
      <charset val="128"/>
      <scheme val="minor"/>
    </font>
    <font>
      <b/>
      <sz val="20"/>
      <color theme="1"/>
      <name val="ＭＳ Ｐゴシック"/>
      <family val="3"/>
      <charset val="128"/>
    </font>
    <font>
      <sz val="20"/>
      <color theme="1"/>
      <name val="游ゴシック"/>
      <family val="2"/>
      <charset val="128"/>
      <scheme val="minor"/>
    </font>
    <font>
      <sz val="9"/>
      <color rgb="FFFF0000"/>
      <name val="ＭＳ Ｐゴシック"/>
      <family val="3"/>
      <charset val="128"/>
    </font>
    <font>
      <strike/>
      <sz val="9"/>
      <color rgb="FFFF0000"/>
      <name val="ＭＳ Ｐゴシック"/>
      <family val="3"/>
      <charset val="128"/>
    </font>
    <font>
      <b/>
      <sz val="11"/>
      <color theme="1"/>
      <name val="游ゴシック"/>
      <family val="2"/>
      <charset val="128"/>
      <scheme val="minor"/>
    </font>
    <font>
      <b/>
      <sz val="9"/>
      <color theme="1"/>
      <name val="ＭＳ Ｐゴシック"/>
      <family val="3"/>
      <charset val="128"/>
    </font>
    <font>
      <b/>
      <sz val="9"/>
      <name val="ＭＳ Ｐゴシック"/>
      <family val="3"/>
      <charset val="128"/>
    </font>
    <font>
      <b/>
      <sz val="10"/>
      <color theme="0"/>
      <name val="ＭＳ Ｐゴシック"/>
      <family val="3"/>
      <charset val="128"/>
    </font>
    <font>
      <sz val="10"/>
      <color rgb="FFFF0000"/>
      <name val="ＭＳ Ｐゴシック"/>
      <family val="3"/>
      <charset val="128"/>
    </font>
    <font>
      <u/>
      <sz val="10"/>
      <color theme="1"/>
      <name val="ＭＳ Ｐゴシック"/>
      <family val="3"/>
      <charset val="128"/>
    </font>
    <font>
      <b/>
      <sz val="14"/>
      <color theme="1"/>
      <name val="ＭＳ Ｐゴシック"/>
      <family val="3"/>
      <charset val="128"/>
    </font>
    <font>
      <u/>
      <sz val="12"/>
      <color rgb="FFFF0000"/>
      <name val="ＭＳ Ｐゴシック"/>
      <family val="3"/>
      <charset val="128"/>
    </font>
    <font>
      <sz val="6"/>
      <color theme="1"/>
      <name val="ＭＳ Ｐゴシック"/>
      <family val="3"/>
      <charset val="128"/>
    </font>
    <font>
      <b/>
      <sz val="12"/>
      <color theme="1"/>
      <name val="ＭＳ Ｐゴシック"/>
      <family val="3"/>
      <charset val="128"/>
    </font>
    <font>
      <strike/>
      <sz val="10"/>
      <color theme="1"/>
      <name val="ＭＳ Ｐゴシック"/>
      <family val="3"/>
      <charset val="128"/>
    </font>
  </fonts>
  <fills count="10">
    <fill>
      <patternFill patternType="none"/>
    </fill>
    <fill>
      <patternFill patternType="gray125"/>
    </fill>
    <fill>
      <patternFill patternType="solid">
        <fgColor theme="4" tint="0.79998168889431442"/>
        <bgColor indexed="64"/>
      </patternFill>
    </fill>
    <fill>
      <patternFill patternType="solid">
        <fgColor theme="0" tint="-4.9989318521683403E-2"/>
        <bgColor indexed="64"/>
      </patternFill>
    </fill>
    <fill>
      <patternFill patternType="solid">
        <fgColor theme="0" tint="-0.14999847407452621"/>
        <bgColor indexed="64"/>
      </patternFill>
    </fill>
    <fill>
      <patternFill patternType="lightUp"/>
    </fill>
    <fill>
      <patternFill patternType="lightHorizontal"/>
    </fill>
    <fill>
      <patternFill patternType="solid">
        <fgColor theme="1"/>
        <bgColor indexed="64"/>
      </patternFill>
    </fill>
    <fill>
      <patternFill patternType="solid">
        <fgColor rgb="FFFFFF00"/>
        <bgColor indexed="64"/>
      </patternFill>
    </fill>
    <fill>
      <patternFill patternType="solid">
        <fgColor theme="0"/>
        <bgColor indexed="64"/>
      </patternFill>
    </fill>
  </fills>
  <borders count="160">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auto="1"/>
      </left>
      <right style="thin">
        <color auto="1"/>
      </right>
      <top/>
      <bottom style="thin">
        <color auto="1"/>
      </bottom>
      <diagonal/>
    </border>
    <border>
      <left/>
      <right/>
      <top style="thin">
        <color indexed="64"/>
      </top>
      <bottom/>
      <diagonal/>
    </border>
    <border>
      <left/>
      <right/>
      <top/>
      <bottom style="thin">
        <color indexed="64"/>
      </bottom>
      <diagonal/>
    </border>
    <border>
      <left/>
      <right/>
      <top style="thin">
        <color auto="1"/>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top/>
      <bottom style="medium">
        <color indexed="64"/>
      </bottom>
      <diagonal/>
    </border>
    <border>
      <left style="thin">
        <color indexed="64"/>
      </left>
      <right/>
      <top style="dotted">
        <color indexed="64"/>
      </top>
      <bottom style="dotted">
        <color indexed="64"/>
      </bottom>
      <diagonal/>
    </border>
    <border>
      <left style="hair">
        <color indexed="64"/>
      </left>
      <right style="medium">
        <color indexed="64"/>
      </right>
      <top style="medium">
        <color indexed="64"/>
      </top>
      <bottom/>
      <diagonal/>
    </border>
    <border>
      <left style="hair">
        <color indexed="64"/>
      </left>
      <right style="medium">
        <color indexed="64"/>
      </right>
      <top style="dotted">
        <color indexed="64"/>
      </top>
      <bottom style="dotted">
        <color indexed="64"/>
      </bottom>
      <diagonal/>
    </border>
    <border>
      <left style="hair">
        <color indexed="64"/>
      </left>
      <right style="thin">
        <color indexed="64"/>
      </right>
      <top style="thin">
        <color indexed="64"/>
      </top>
      <bottom style="dotted">
        <color indexed="64"/>
      </bottom>
      <diagonal/>
    </border>
    <border>
      <left style="hair">
        <color indexed="64"/>
      </left>
      <right style="thin">
        <color indexed="64"/>
      </right>
      <top style="dotted">
        <color indexed="64"/>
      </top>
      <bottom style="dotted">
        <color indexed="64"/>
      </bottom>
      <diagonal/>
    </border>
    <border>
      <left style="hair">
        <color indexed="64"/>
      </left>
      <right style="thin">
        <color indexed="64"/>
      </right>
      <top style="dotted">
        <color indexed="64"/>
      </top>
      <bottom style="thin">
        <color indexed="64"/>
      </bottom>
      <diagonal/>
    </border>
    <border>
      <left style="hair">
        <color indexed="64"/>
      </left>
      <right style="medium">
        <color indexed="64"/>
      </right>
      <top style="dotted">
        <color indexed="64"/>
      </top>
      <bottom style="medium">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style="medium">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double">
        <color indexed="64"/>
      </left>
      <right style="thin">
        <color indexed="64"/>
      </right>
      <top style="medium">
        <color indexed="64"/>
      </top>
      <bottom/>
      <diagonal/>
    </border>
    <border>
      <left style="double">
        <color indexed="64"/>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diagonalDown="1">
      <left style="medium">
        <color indexed="64"/>
      </left>
      <right/>
      <top style="medium">
        <color indexed="64"/>
      </top>
      <bottom style="medium">
        <color indexed="64"/>
      </bottom>
      <diagonal style="thin">
        <color indexed="64"/>
      </diagonal>
    </border>
    <border diagonalDown="1">
      <left/>
      <right style="medium">
        <color indexed="64"/>
      </right>
      <top style="medium">
        <color indexed="64"/>
      </top>
      <bottom style="medium">
        <color indexed="64"/>
      </bottom>
      <diagonal style="thin">
        <color indexed="64"/>
      </diagonal>
    </border>
    <border>
      <left style="medium">
        <color indexed="64"/>
      </left>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
      <left style="thin">
        <color indexed="64"/>
      </left>
      <right style="double">
        <color indexed="64"/>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
      <left style="double">
        <color indexed="64"/>
      </left>
      <right style="thin">
        <color indexed="64"/>
      </right>
      <top/>
      <bottom style="thin">
        <color indexed="64"/>
      </bottom>
      <diagonal/>
    </border>
    <border>
      <left style="thin">
        <color indexed="64"/>
      </left>
      <right style="double">
        <color indexed="64"/>
      </right>
      <top/>
      <bottom style="thin">
        <color indexed="64"/>
      </bottom>
      <diagonal/>
    </border>
    <border>
      <left style="double">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double">
        <color indexed="64"/>
      </right>
      <top style="thin">
        <color indexed="64"/>
      </top>
      <bottom/>
      <diagonal/>
    </border>
    <border>
      <left style="thin">
        <color indexed="64"/>
      </left>
      <right style="thin">
        <color indexed="64"/>
      </right>
      <top style="thin">
        <color indexed="64"/>
      </top>
      <bottom style="dotted">
        <color indexed="64"/>
      </bottom>
      <diagonal/>
    </border>
    <border diagonalDown="1">
      <left style="thin">
        <color indexed="64"/>
      </left>
      <right style="thin">
        <color indexed="64"/>
      </right>
      <top style="thin">
        <color indexed="64"/>
      </top>
      <bottom style="thin">
        <color indexed="64"/>
      </bottom>
      <diagonal style="thin">
        <color indexed="64"/>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diagonalDown="1">
      <left style="thin">
        <color indexed="64"/>
      </left>
      <right style="thin">
        <color indexed="64"/>
      </right>
      <top style="thin">
        <color indexed="64"/>
      </top>
      <bottom style="medium">
        <color indexed="64"/>
      </bottom>
      <diagonal style="thin">
        <color indexed="64"/>
      </diagonal>
    </border>
    <border diagonalDown="1">
      <left style="thin">
        <color indexed="64"/>
      </left>
      <right style="thin">
        <color indexed="64"/>
      </right>
      <top/>
      <bottom style="thin">
        <color indexed="64"/>
      </bottom>
      <diagonal style="thin">
        <color indexed="64"/>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top style="medium">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auto="1"/>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double">
        <color indexed="64"/>
      </top>
      <bottom/>
      <diagonal/>
    </border>
    <border>
      <left style="thin">
        <color indexed="64"/>
      </left>
      <right style="double">
        <color indexed="64"/>
      </right>
      <top style="double">
        <color indexed="64"/>
      </top>
      <bottom/>
      <diagonal/>
    </border>
    <border>
      <left/>
      <right style="thin">
        <color indexed="64"/>
      </right>
      <top style="double">
        <color indexed="64"/>
      </top>
      <bottom/>
      <diagonal/>
    </border>
    <border>
      <left style="thin">
        <color indexed="64"/>
      </left>
      <right/>
      <top style="double">
        <color indexed="64"/>
      </top>
      <bottom/>
      <diagonal/>
    </border>
    <border>
      <left style="double">
        <color indexed="64"/>
      </left>
      <right style="thin">
        <color indexed="64"/>
      </right>
      <top/>
      <bottom/>
      <diagonal/>
    </border>
    <border>
      <left style="thin">
        <color indexed="64"/>
      </left>
      <right style="double">
        <color indexed="64"/>
      </right>
      <top/>
      <bottom/>
      <diagonal/>
    </border>
    <border>
      <left style="thin">
        <color indexed="64"/>
      </left>
      <right style="thin">
        <color indexed="64"/>
      </right>
      <top/>
      <bottom style="double">
        <color indexed="64"/>
      </bottom>
      <diagonal/>
    </border>
    <border>
      <left style="thin">
        <color indexed="64"/>
      </left>
      <right style="double">
        <color indexed="64"/>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style="thin">
        <color indexed="64"/>
      </left>
      <right style="double">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double">
        <color indexed="64"/>
      </left>
      <right style="thin">
        <color indexed="64"/>
      </right>
      <top style="hair">
        <color indexed="64"/>
      </top>
      <bottom style="hair">
        <color indexed="64"/>
      </bottom>
      <diagonal/>
    </border>
    <border>
      <left style="thin">
        <color indexed="64"/>
      </left>
      <right/>
      <top style="medium">
        <color indexed="64"/>
      </top>
      <bottom style="medium">
        <color indexed="64"/>
      </bottom>
      <diagonal/>
    </border>
    <border>
      <left style="medium">
        <color indexed="64"/>
      </left>
      <right/>
      <top/>
      <bottom/>
      <diagonal/>
    </border>
    <border>
      <left style="double">
        <color indexed="64"/>
      </left>
      <right/>
      <top style="medium">
        <color indexed="64"/>
      </top>
      <bottom style="medium">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thin">
        <color indexed="64"/>
      </bottom>
      <diagonal/>
    </border>
    <border>
      <left style="medium">
        <color indexed="64"/>
      </left>
      <right style="thin">
        <color indexed="64"/>
      </right>
      <top style="medium">
        <color indexed="64"/>
      </top>
      <bottom style="dashed">
        <color indexed="64"/>
      </bottom>
      <diagonal/>
    </border>
    <border>
      <left style="medium">
        <color indexed="64"/>
      </left>
      <right style="thin">
        <color indexed="64"/>
      </right>
      <top style="dashed">
        <color indexed="64"/>
      </top>
      <bottom style="dashed">
        <color indexed="64"/>
      </bottom>
      <diagonal/>
    </border>
    <border>
      <left style="medium">
        <color indexed="64"/>
      </left>
      <right style="thin">
        <color indexed="64"/>
      </right>
      <top style="dashed">
        <color indexed="64"/>
      </top>
      <bottom style="thin">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medium">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style="medium">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right style="thin">
        <color indexed="64"/>
      </right>
      <top style="dotted">
        <color indexed="64"/>
      </top>
      <bottom style="dotted">
        <color indexed="64"/>
      </bottom>
      <diagonal/>
    </border>
    <border>
      <left/>
      <right style="thin">
        <color indexed="64"/>
      </right>
      <top style="dotted">
        <color indexed="64"/>
      </top>
      <bottom style="thin">
        <color indexed="64"/>
      </bottom>
      <diagonal/>
    </border>
    <border>
      <left/>
      <right style="medium">
        <color indexed="64"/>
      </right>
      <top style="medium">
        <color indexed="64"/>
      </top>
      <bottom/>
      <diagonal/>
    </border>
    <border>
      <left/>
      <right style="medium">
        <color indexed="64"/>
      </right>
      <top style="dotted">
        <color indexed="64"/>
      </top>
      <bottom style="dotted">
        <color indexed="64"/>
      </bottom>
      <diagonal/>
    </border>
    <border>
      <left/>
      <right style="medium">
        <color indexed="64"/>
      </right>
      <top style="thin">
        <color indexed="64"/>
      </top>
      <bottom style="dotted">
        <color indexed="64"/>
      </bottom>
      <diagonal/>
    </border>
    <border>
      <left style="thin">
        <color indexed="64"/>
      </left>
      <right style="double">
        <color indexed="64"/>
      </right>
      <top style="medium">
        <color indexed="64"/>
      </top>
      <bottom/>
      <diagonal/>
    </border>
    <border>
      <left style="thin">
        <color indexed="64"/>
      </left>
      <right style="double">
        <color indexed="64"/>
      </right>
      <top style="dotted">
        <color indexed="64"/>
      </top>
      <bottom style="dotted">
        <color indexed="64"/>
      </bottom>
      <diagonal/>
    </border>
    <border>
      <left style="thin">
        <color indexed="64"/>
      </left>
      <right style="double">
        <color indexed="64"/>
      </right>
      <top style="thin">
        <color indexed="64"/>
      </top>
      <bottom style="dotted">
        <color indexed="64"/>
      </bottom>
      <diagonal/>
    </border>
    <border>
      <left style="thin">
        <color indexed="64"/>
      </left>
      <right style="double">
        <color indexed="64"/>
      </right>
      <top style="dotted">
        <color indexed="64"/>
      </top>
      <bottom style="thin">
        <color indexed="64"/>
      </bottom>
      <diagonal/>
    </border>
    <border>
      <left style="thin">
        <color indexed="64"/>
      </left>
      <right style="double">
        <color indexed="64"/>
      </right>
      <top style="dotted">
        <color indexed="64"/>
      </top>
      <bottom style="medium">
        <color indexed="64"/>
      </bottom>
      <diagonal/>
    </border>
    <border>
      <left/>
      <right/>
      <top style="dotted">
        <color indexed="64"/>
      </top>
      <bottom style="thin">
        <color indexed="64"/>
      </bottom>
      <diagonal/>
    </border>
    <border>
      <left style="thin">
        <color indexed="64"/>
      </left>
      <right/>
      <top style="dotted">
        <color indexed="64"/>
      </top>
      <bottom/>
      <diagonal/>
    </border>
    <border>
      <left/>
      <right/>
      <top style="dotted">
        <color indexed="64"/>
      </top>
      <bottom/>
      <diagonal/>
    </border>
    <border>
      <left/>
      <right style="thin">
        <color auto="1"/>
      </right>
      <top style="dotted">
        <color indexed="64"/>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top style="medium">
        <color indexed="64"/>
      </top>
      <bottom style="thin">
        <color indexed="64"/>
      </bottom>
      <diagonal/>
    </border>
    <border>
      <left/>
      <right style="hair">
        <color indexed="64"/>
      </right>
      <top style="thin">
        <color indexed="64"/>
      </top>
      <bottom style="thin">
        <color indexed="64"/>
      </bottom>
      <diagonal/>
    </border>
    <border>
      <left/>
      <right style="hair">
        <color indexed="64"/>
      </right>
      <top style="thin">
        <color indexed="64"/>
      </top>
      <bottom style="dotted">
        <color indexed="64"/>
      </bottom>
      <diagonal/>
    </border>
    <border>
      <left/>
      <right style="hair">
        <color indexed="64"/>
      </right>
      <top style="dotted">
        <color indexed="64"/>
      </top>
      <bottom/>
      <diagonal/>
    </border>
    <border>
      <left/>
      <right style="hair">
        <color indexed="64"/>
      </right>
      <top/>
      <bottom style="thin">
        <color indexed="64"/>
      </bottom>
      <diagonal/>
    </border>
    <border>
      <left/>
      <right style="thin">
        <color indexed="64"/>
      </right>
      <top/>
      <bottom style="dotted">
        <color indexed="64"/>
      </bottom>
      <diagonal/>
    </border>
    <border>
      <left style="thin">
        <color indexed="64"/>
      </left>
      <right style="thin">
        <color indexed="64"/>
      </right>
      <top/>
      <bottom style="dotted">
        <color indexed="64"/>
      </bottom>
      <diagonal/>
    </border>
    <border>
      <left style="thin">
        <color indexed="64"/>
      </left>
      <right style="double">
        <color indexed="64"/>
      </right>
      <top/>
      <bottom style="dotted">
        <color indexed="64"/>
      </bottom>
      <diagonal/>
    </border>
    <border diagonalDown="1">
      <left style="thin">
        <color indexed="64"/>
      </left>
      <right style="thin">
        <color indexed="64"/>
      </right>
      <top style="thin">
        <color indexed="64"/>
      </top>
      <bottom/>
      <diagonal style="thin">
        <color indexed="64"/>
      </diagonal>
    </border>
  </borders>
  <cellStyleXfs count="1">
    <xf numFmtId="0" fontId="0" fillId="0" borderId="0">
      <alignment vertical="center"/>
    </xf>
  </cellStyleXfs>
  <cellXfs count="744">
    <xf numFmtId="0" fontId="0" fillId="0" borderId="0" xfId="0">
      <alignment vertical="center"/>
    </xf>
    <xf numFmtId="0" fontId="1" fillId="0" borderId="0" xfId="0" applyFont="1" applyAlignment="1">
      <alignment vertical="top"/>
    </xf>
    <xf numFmtId="0" fontId="1" fillId="0" borderId="0" xfId="0" applyFont="1" applyAlignment="1">
      <alignment vertical="top" wrapText="1"/>
    </xf>
    <xf numFmtId="0" fontId="6" fillId="0" borderId="0" xfId="0" applyFont="1" applyAlignment="1">
      <alignment vertical="top"/>
    </xf>
    <xf numFmtId="0" fontId="6" fillId="0" borderId="10" xfId="0" applyFont="1" applyBorder="1" applyAlignment="1">
      <alignment vertical="top" wrapText="1"/>
    </xf>
    <xf numFmtId="0" fontId="6" fillId="0" borderId="0" xfId="0" applyFont="1" applyAlignment="1">
      <alignment vertical="top" wrapText="1"/>
    </xf>
    <xf numFmtId="0" fontId="6" fillId="0" borderId="14" xfId="0" applyFont="1" applyBorder="1" applyAlignment="1">
      <alignment vertical="top" wrapText="1"/>
    </xf>
    <xf numFmtId="0" fontId="6" fillId="0" borderId="13" xfId="0" applyFont="1" applyBorder="1" applyAlignment="1">
      <alignment vertical="top"/>
    </xf>
    <xf numFmtId="0" fontId="6" fillId="0" borderId="6" xfId="0" applyFont="1" applyBorder="1" applyAlignment="1">
      <alignment vertical="top" wrapText="1"/>
    </xf>
    <xf numFmtId="0" fontId="5" fillId="2" borderId="9" xfId="0" applyFont="1" applyFill="1" applyBorder="1" applyAlignment="1">
      <alignment horizontal="center" vertical="center" shrinkToFit="1"/>
    </xf>
    <xf numFmtId="0" fontId="1" fillId="0" borderId="0" xfId="0" applyFont="1">
      <alignment vertical="center"/>
    </xf>
    <xf numFmtId="0" fontId="7" fillId="0" borderId="3" xfId="0" applyFont="1" applyBorder="1" applyAlignment="1">
      <alignment horizontal="center" vertical="center"/>
    </xf>
    <xf numFmtId="0" fontId="7" fillId="0" borderId="1" xfId="0" applyFont="1" applyBorder="1">
      <alignment vertical="center"/>
    </xf>
    <xf numFmtId="0" fontId="7" fillId="0" borderId="13" xfId="0" applyFont="1" applyBorder="1">
      <alignment vertical="center"/>
    </xf>
    <xf numFmtId="0" fontId="7" fillId="3" borderId="32" xfId="0" applyFont="1" applyFill="1" applyBorder="1" applyAlignment="1">
      <alignment horizontal="center" vertical="center"/>
    </xf>
    <xf numFmtId="0" fontId="7" fillId="0" borderId="29" xfId="0" applyFont="1" applyBorder="1">
      <alignment vertical="center"/>
    </xf>
    <xf numFmtId="0" fontId="7" fillId="0" borderId="27" xfId="0" applyFont="1" applyBorder="1">
      <alignment vertical="center"/>
    </xf>
    <xf numFmtId="0" fontId="7" fillId="3" borderId="33" xfId="0" applyFont="1" applyFill="1" applyBorder="1" applyAlignment="1">
      <alignment horizontal="center" vertical="center"/>
    </xf>
    <xf numFmtId="0" fontId="7" fillId="0" borderId="6" xfId="0" applyFont="1" applyBorder="1">
      <alignment vertical="center"/>
    </xf>
    <xf numFmtId="0" fontId="7" fillId="0" borderId="14" xfId="0" applyFont="1" applyBorder="1">
      <alignment vertical="center"/>
    </xf>
    <xf numFmtId="0" fontId="7" fillId="3" borderId="34" xfId="0" applyFont="1" applyFill="1" applyBorder="1" applyAlignment="1">
      <alignment horizontal="center" vertical="center"/>
    </xf>
    <xf numFmtId="0" fontId="7" fillId="0" borderId="17" xfId="0" applyFont="1" applyBorder="1">
      <alignment vertical="center"/>
    </xf>
    <xf numFmtId="0" fontId="7" fillId="0" borderId="20" xfId="0" applyFont="1" applyBorder="1">
      <alignment vertical="center"/>
    </xf>
    <xf numFmtId="0" fontId="7" fillId="0" borderId="21" xfId="0" applyFont="1" applyBorder="1">
      <alignment vertical="center"/>
    </xf>
    <xf numFmtId="0" fontId="7" fillId="0" borderId="23" xfId="0" applyFont="1" applyBorder="1">
      <alignment vertical="center"/>
    </xf>
    <xf numFmtId="0" fontId="7" fillId="0" borderId="24" xfId="0" applyFont="1" applyBorder="1">
      <alignment vertical="center"/>
    </xf>
    <xf numFmtId="0" fontId="7" fillId="0" borderId="0" xfId="0" applyFont="1">
      <alignment vertical="center"/>
    </xf>
    <xf numFmtId="0" fontId="7" fillId="3" borderId="30" xfId="0" applyFont="1" applyFill="1" applyBorder="1" applyAlignment="1">
      <alignment horizontal="center" vertical="center"/>
    </xf>
    <xf numFmtId="0" fontId="7" fillId="0" borderId="26" xfId="0" applyFont="1" applyBorder="1">
      <alignment vertical="center"/>
    </xf>
    <xf numFmtId="0" fontId="7" fillId="3" borderId="31" xfId="0" applyFont="1" applyFill="1" applyBorder="1" applyAlignment="1">
      <alignment horizontal="center" vertical="center"/>
    </xf>
    <xf numFmtId="0" fontId="7" fillId="0" borderId="28" xfId="0" applyFont="1" applyBorder="1">
      <alignment vertical="center"/>
    </xf>
    <xf numFmtId="0" fontId="7" fillId="3" borderId="35" xfId="0" applyFont="1" applyFill="1" applyBorder="1" applyAlignment="1">
      <alignment horizontal="center" vertical="center"/>
    </xf>
    <xf numFmtId="0" fontId="7" fillId="0" borderId="0" xfId="0" quotePrefix="1" applyFont="1">
      <alignment vertical="center"/>
    </xf>
    <xf numFmtId="0" fontId="7" fillId="0" borderId="5" xfId="0" applyFont="1" applyBorder="1">
      <alignment vertical="center"/>
    </xf>
    <xf numFmtId="0" fontId="7" fillId="0" borderId="3" xfId="0" applyFont="1" applyBorder="1">
      <alignment vertical="center"/>
    </xf>
    <xf numFmtId="0" fontId="7" fillId="0" borderId="4" xfId="0" applyFont="1" applyBorder="1">
      <alignment vertical="center"/>
    </xf>
    <xf numFmtId="3" fontId="7" fillId="0" borderId="56" xfId="0" applyNumberFormat="1" applyFont="1" applyBorder="1">
      <alignment vertical="center"/>
    </xf>
    <xf numFmtId="0" fontId="7" fillId="0" borderId="42" xfId="0" applyFont="1" applyBorder="1">
      <alignment vertical="center"/>
    </xf>
    <xf numFmtId="3" fontId="7" fillId="0" borderId="5" xfId="0" applyNumberFormat="1" applyFont="1" applyBorder="1">
      <alignment vertical="center"/>
    </xf>
    <xf numFmtId="3" fontId="7" fillId="0" borderId="3" xfId="0" applyNumberFormat="1" applyFont="1" applyBorder="1">
      <alignment vertical="center"/>
    </xf>
    <xf numFmtId="3" fontId="7" fillId="0" borderId="4" xfId="0" applyNumberFormat="1" applyFont="1" applyBorder="1">
      <alignment vertical="center"/>
    </xf>
    <xf numFmtId="0" fontId="7" fillId="0" borderId="47" xfId="0" applyFont="1" applyBorder="1">
      <alignment vertical="center"/>
    </xf>
    <xf numFmtId="0" fontId="7" fillId="0" borderId="44" xfId="0" applyFont="1" applyBorder="1">
      <alignment vertical="center"/>
    </xf>
    <xf numFmtId="0" fontId="7" fillId="0" borderId="53" xfId="0" applyFont="1" applyBorder="1">
      <alignment vertical="center"/>
    </xf>
    <xf numFmtId="3" fontId="7" fillId="0" borderId="57" xfId="0" applyNumberFormat="1" applyFont="1" applyBorder="1">
      <alignment vertical="center"/>
    </xf>
    <xf numFmtId="0" fontId="7" fillId="0" borderId="45" xfId="0" applyFont="1" applyBorder="1">
      <alignment vertical="center"/>
    </xf>
    <xf numFmtId="0" fontId="7" fillId="0" borderId="41" xfId="0" applyFont="1" applyBorder="1">
      <alignment vertical="center"/>
    </xf>
    <xf numFmtId="0" fontId="7" fillId="0" borderId="43" xfId="0" applyFont="1" applyBorder="1">
      <alignment vertical="center"/>
    </xf>
    <xf numFmtId="0" fontId="7" fillId="0" borderId="5" xfId="0" applyFont="1" applyBorder="1" applyProtection="1">
      <alignment vertical="center"/>
      <protection locked="0"/>
    </xf>
    <xf numFmtId="3" fontId="7" fillId="0" borderId="56" xfId="0" applyNumberFormat="1" applyFont="1" applyBorder="1" applyProtection="1">
      <alignment vertical="center"/>
      <protection locked="0"/>
    </xf>
    <xf numFmtId="3" fontId="7" fillId="0" borderId="5" xfId="0" applyNumberFormat="1" applyFont="1" applyBorder="1" applyProtection="1">
      <alignment vertical="center"/>
      <protection locked="0"/>
    </xf>
    <xf numFmtId="3" fontId="7" fillId="0" borderId="3" xfId="0" applyNumberFormat="1" applyFont="1" applyBorder="1" applyProtection="1">
      <alignment vertical="center"/>
      <protection locked="0"/>
    </xf>
    <xf numFmtId="3" fontId="7" fillId="0" borderId="42" xfId="0" applyNumberFormat="1" applyFont="1" applyBorder="1" applyProtection="1">
      <alignment vertical="center"/>
      <protection locked="0"/>
    </xf>
    <xf numFmtId="0" fontId="7" fillId="0" borderId="42" xfId="0" applyFont="1" applyBorder="1" applyProtection="1">
      <alignment vertical="center"/>
      <protection locked="0"/>
    </xf>
    <xf numFmtId="3" fontId="7" fillId="0" borderId="55" xfId="0" applyNumberFormat="1" applyFont="1" applyBorder="1" applyProtection="1">
      <alignment vertical="center"/>
      <protection locked="0"/>
    </xf>
    <xf numFmtId="0" fontId="7" fillId="0" borderId="40" xfId="0" applyFont="1" applyBorder="1" applyProtection="1">
      <alignment vertical="center"/>
      <protection locked="0"/>
    </xf>
    <xf numFmtId="0" fontId="7" fillId="0" borderId="12" xfId="0" applyFont="1" applyBorder="1">
      <alignment vertical="center"/>
    </xf>
    <xf numFmtId="0" fontId="7" fillId="0" borderId="49" xfId="0" applyFont="1" applyBorder="1" applyAlignment="1">
      <alignment horizontal="center" vertical="center" wrapText="1"/>
    </xf>
    <xf numFmtId="0" fontId="7" fillId="0" borderId="50" xfId="0" applyFont="1" applyBorder="1" applyAlignment="1">
      <alignment horizontal="center" vertical="center" wrapText="1"/>
    </xf>
    <xf numFmtId="0" fontId="7" fillId="0" borderId="51" xfId="0" applyFont="1" applyBorder="1" applyAlignment="1">
      <alignment horizontal="center" vertical="center" wrapText="1"/>
    </xf>
    <xf numFmtId="0" fontId="7" fillId="0" borderId="54" xfId="0" applyFont="1" applyBorder="1" applyAlignment="1">
      <alignment horizontal="center" vertical="center"/>
    </xf>
    <xf numFmtId="0" fontId="7" fillId="0" borderId="48" xfId="0" applyFont="1" applyBorder="1" applyAlignment="1">
      <alignment horizontal="center" vertical="center"/>
    </xf>
    <xf numFmtId="0" fontId="7" fillId="0" borderId="60" xfId="0" applyFont="1" applyBorder="1" applyAlignment="1">
      <alignment horizontal="center" vertical="center" wrapText="1"/>
    </xf>
    <xf numFmtId="0" fontId="7" fillId="0" borderId="61" xfId="0" applyFont="1" applyBorder="1" applyAlignment="1">
      <alignment horizontal="center" vertical="center" wrapText="1"/>
    </xf>
    <xf numFmtId="0" fontId="7" fillId="0" borderId="62" xfId="0" applyFont="1" applyBorder="1" applyAlignment="1">
      <alignment horizontal="center" vertical="center" wrapText="1"/>
    </xf>
    <xf numFmtId="0" fontId="7" fillId="0" borderId="40" xfId="0" applyFont="1" applyBorder="1" applyAlignment="1">
      <alignment horizontal="center" vertical="center"/>
    </xf>
    <xf numFmtId="0" fontId="7" fillId="0" borderId="42" xfId="0" applyFont="1" applyBorder="1" applyAlignment="1">
      <alignment horizontal="center" vertical="center"/>
    </xf>
    <xf numFmtId="0" fontId="7" fillId="0" borderId="42" xfId="0" applyFont="1" applyBorder="1" applyAlignment="1">
      <alignment horizontal="center" vertical="center" wrapText="1"/>
    </xf>
    <xf numFmtId="3" fontId="7" fillId="0" borderId="41" xfId="0" applyNumberFormat="1" applyFont="1" applyBorder="1" applyProtection="1">
      <alignment vertical="center"/>
      <protection locked="0"/>
    </xf>
    <xf numFmtId="0" fontId="7" fillId="0" borderId="65" xfId="0" applyFont="1" applyBorder="1">
      <alignment vertical="center"/>
    </xf>
    <xf numFmtId="0" fontId="7" fillId="0" borderId="58" xfId="0" applyFont="1" applyBorder="1">
      <alignment vertical="center"/>
    </xf>
    <xf numFmtId="0" fontId="7" fillId="0" borderId="59" xfId="0" applyFont="1" applyBorder="1">
      <alignment vertical="center"/>
    </xf>
    <xf numFmtId="0" fontId="7" fillId="0" borderId="46" xfId="0" applyFont="1" applyBorder="1">
      <alignment vertical="center"/>
    </xf>
    <xf numFmtId="0" fontId="7" fillId="0" borderId="39" xfId="0" applyFont="1" applyBorder="1">
      <alignment vertical="center"/>
    </xf>
    <xf numFmtId="0" fontId="7" fillId="0" borderId="52" xfId="0" applyFont="1" applyBorder="1">
      <alignment vertical="center"/>
    </xf>
    <xf numFmtId="176" fontId="7" fillId="0" borderId="12" xfId="0" applyNumberFormat="1" applyFont="1" applyBorder="1" applyAlignment="1">
      <alignment horizontal="center" vertical="center"/>
    </xf>
    <xf numFmtId="0" fontId="7" fillId="0" borderId="9" xfId="0" applyFont="1" applyBorder="1" applyAlignment="1">
      <alignment horizontal="center" vertical="center"/>
    </xf>
    <xf numFmtId="0" fontId="6" fillId="0" borderId="3" xfId="0" applyFont="1" applyBorder="1" applyAlignment="1">
      <alignment horizontal="center" vertical="center"/>
    </xf>
    <xf numFmtId="0" fontId="6" fillId="0" borderId="3" xfId="0" applyFont="1" applyBorder="1" applyAlignment="1">
      <alignment horizontal="center" vertical="center" wrapText="1"/>
    </xf>
    <xf numFmtId="0" fontId="7" fillId="0" borderId="2" xfId="0" applyFont="1" applyBorder="1">
      <alignment vertical="center"/>
    </xf>
    <xf numFmtId="0" fontId="7" fillId="0" borderId="10" xfId="0" applyFont="1" applyBorder="1">
      <alignment vertical="center"/>
    </xf>
    <xf numFmtId="0" fontId="7" fillId="0" borderId="11" xfId="0" applyFont="1" applyBorder="1">
      <alignment vertical="center"/>
    </xf>
    <xf numFmtId="0" fontId="7" fillId="0" borderId="7" xfId="0" applyFont="1" applyBorder="1">
      <alignment vertical="center"/>
    </xf>
    <xf numFmtId="0" fontId="6" fillId="0" borderId="10" xfId="0" applyFont="1" applyBorder="1">
      <alignment vertical="center"/>
    </xf>
    <xf numFmtId="0" fontId="6" fillId="0" borderId="6" xfId="0" applyFont="1" applyBorder="1">
      <alignment vertical="center"/>
    </xf>
    <xf numFmtId="0" fontId="6" fillId="0" borderId="14" xfId="0" applyFont="1" applyBorder="1">
      <alignment vertical="center"/>
    </xf>
    <xf numFmtId="0" fontId="6" fillId="0" borderId="7" xfId="0" applyFont="1" applyBorder="1">
      <alignment vertical="center"/>
    </xf>
    <xf numFmtId="0" fontId="6" fillId="0" borderId="8" xfId="0" applyFont="1" applyBorder="1">
      <alignment vertical="center"/>
    </xf>
    <xf numFmtId="0" fontId="6" fillId="0" borderId="1" xfId="0" applyFont="1" applyBorder="1">
      <alignment vertical="center"/>
    </xf>
    <xf numFmtId="0" fontId="6" fillId="0" borderId="67" xfId="0" applyFont="1" applyBorder="1">
      <alignment vertical="center"/>
    </xf>
    <xf numFmtId="0" fontId="6" fillId="0" borderId="2" xfId="0" applyFont="1" applyBorder="1">
      <alignment vertical="center"/>
    </xf>
    <xf numFmtId="0" fontId="6" fillId="0" borderId="3" xfId="0" applyFont="1" applyBorder="1">
      <alignment vertical="center"/>
    </xf>
    <xf numFmtId="0" fontId="6" fillId="0" borderId="4" xfId="0" applyFont="1" applyBorder="1">
      <alignment vertical="center"/>
    </xf>
    <xf numFmtId="0" fontId="6" fillId="0" borderId="66" xfId="0" applyFont="1" applyBorder="1">
      <alignment vertical="center"/>
    </xf>
    <xf numFmtId="0" fontId="6" fillId="0" borderId="5" xfId="0" applyFont="1" applyBorder="1">
      <alignment vertical="center"/>
    </xf>
    <xf numFmtId="0" fontId="6" fillId="0" borderId="12" xfId="0" applyFont="1" applyBorder="1">
      <alignment vertical="center"/>
    </xf>
    <xf numFmtId="0" fontId="6" fillId="0" borderId="68" xfId="0" applyFont="1" applyBorder="1">
      <alignment vertical="center"/>
    </xf>
    <xf numFmtId="0" fontId="6" fillId="0" borderId="0" xfId="0" applyFont="1">
      <alignment vertical="center"/>
    </xf>
    <xf numFmtId="0" fontId="6" fillId="4" borderId="3" xfId="0" applyFont="1" applyFill="1" applyBorder="1">
      <alignment vertical="center"/>
    </xf>
    <xf numFmtId="0" fontId="6" fillId="5" borderId="0" xfId="0" applyFont="1" applyFill="1">
      <alignment vertical="center"/>
    </xf>
    <xf numFmtId="0" fontId="6" fillId="6" borderId="0" xfId="0" applyFont="1" applyFill="1">
      <alignment vertical="center"/>
    </xf>
    <xf numFmtId="0" fontId="6" fillId="0" borderId="13" xfId="0" applyFont="1" applyBorder="1">
      <alignment vertical="center"/>
    </xf>
    <xf numFmtId="0" fontId="6" fillId="0" borderId="4" xfId="0" applyFont="1" applyBorder="1" applyAlignment="1">
      <alignment horizontal="center" vertical="center"/>
    </xf>
    <xf numFmtId="0" fontId="7" fillId="0" borderId="70" xfId="0" applyFont="1" applyBorder="1" applyAlignment="1">
      <alignment horizontal="center" vertical="center"/>
    </xf>
    <xf numFmtId="0" fontId="7" fillId="0" borderId="75" xfId="0" applyFont="1" applyBorder="1" applyAlignment="1">
      <alignment horizontal="center" vertical="center"/>
    </xf>
    <xf numFmtId="0" fontId="7" fillId="0" borderId="71" xfId="0" applyFont="1" applyBorder="1" applyAlignment="1">
      <alignment horizontal="center" vertical="center"/>
    </xf>
    <xf numFmtId="0" fontId="7" fillId="0" borderId="72" xfId="0" applyFont="1" applyBorder="1" applyAlignment="1">
      <alignment horizontal="center" vertical="center"/>
    </xf>
    <xf numFmtId="0" fontId="6" fillId="0" borderId="5" xfId="0" applyFont="1" applyBorder="1" applyAlignment="1">
      <alignment horizontal="center" vertical="center"/>
    </xf>
    <xf numFmtId="0" fontId="6" fillId="0" borderId="70" xfId="0" applyFont="1" applyBorder="1" applyAlignment="1">
      <alignment horizontal="center" vertical="center"/>
    </xf>
    <xf numFmtId="0" fontId="6" fillId="0" borderId="77" xfId="0" applyFont="1" applyBorder="1" applyAlignment="1">
      <alignment vertical="center" textRotation="255" wrapText="1"/>
    </xf>
    <xf numFmtId="0" fontId="7" fillId="0" borderId="74" xfId="0" applyFont="1" applyBorder="1" applyAlignment="1">
      <alignment horizontal="center" vertical="center"/>
    </xf>
    <xf numFmtId="0" fontId="6" fillId="0" borderId="69" xfId="0" applyFont="1" applyBorder="1">
      <alignment vertical="center"/>
    </xf>
    <xf numFmtId="0" fontId="6" fillId="0" borderId="73" xfId="0" applyFont="1" applyBorder="1">
      <alignment vertical="center"/>
    </xf>
    <xf numFmtId="0" fontId="6" fillId="0" borderId="74" xfId="0" applyFont="1" applyBorder="1">
      <alignment vertical="center"/>
    </xf>
    <xf numFmtId="0" fontId="6" fillId="0" borderId="70" xfId="0" applyFont="1" applyBorder="1">
      <alignment vertical="center"/>
    </xf>
    <xf numFmtId="0" fontId="6" fillId="0" borderId="71" xfId="0" applyFont="1" applyBorder="1">
      <alignment vertical="center"/>
    </xf>
    <xf numFmtId="0" fontId="6" fillId="0" borderId="72" xfId="0" applyFont="1" applyBorder="1">
      <alignment vertical="center"/>
    </xf>
    <xf numFmtId="0" fontId="6" fillId="0" borderId="76" xfId="0" applyFont="1" applyBorder="1">
      <alignment vertical="center"/>
    </xf>
    <xf numFmtId="0" fontId="5" fillId="2" borderId="12" xfId="0" applyFont="1" applyFill="1" applyBorder="1" applyAlignment="1">
      <alignment horizontal="center" vertical="center" wrapText="1" shrinkToFit="1"/>
    </xf>
    <xf numFmtId="0" fontId="5" fillId="2" borderId="78" xfId="0" applyFont="1" applyFill="1" applyBorder="1" applyAlignment="1">
      <alignment horizontal="center" vertical="center" wrapText="1" shrinkToFit="1"/>
    </xf>
    <xf numFmtId="0" fontId="3" fillId="0" borderId="0" xfId="0" applyFont="1" applyAlignment="1">
      <alignment horizontal="center" vertical="top" wrapText="1"/>
    </xf>
    <xf numFmtId="0" fontId="7" fillId="0" borderId="0" xfId="0" applyFont="1" applyAlignment="1">
      <alignment vertical="top" wrapText="1"/>
    </xf>
    <xf numFmtId="0" fontId="7" fillId="0" borderId="0" xfId="0" applyFont="1" applyAlignment="1">
      <alignment horizontal="center" vertical="center" wrapText="1"/>
    </xf>
    <xf numFmtId="179" fontId="14" fillId="0" borderId="0" xfId="0" applyNumberFormat="1" applyFont="1" applyAlignment="1">
      <alignment horizontal="center" vertical="top"/>
    </xf>
    <xf numFmtId="0" fontId="1" fillId="4" borderId="8" xfId="0" applyFont="1" applyFill="1" applyBorder="1" applyAlignment="1">
      <alignment horizontal="center" vertical="center"/>
    </xf>
    <xf numFmtId="0" fontId="1" fillId="0" borderId="10" xfId="0" applyFont="1" applyBorder="1" applyAlignment="1">
      <alignment vertical="top" wrapText="1"/>
    </xf>
    <xf numFmtId="0" fontId="3" fillId="0" borderId="11" xfId="0" applyFont="1" applyBorder="1" applyAlignment="1">
      <alignment horizontal="center" vertical="top" wrapText="1"/>
    </xf>
    <xf numFmtId="0" fontId="1" fillId="0" borderId="6" xfId="0" applyFont="1" applyBorder="1" applyAlignment="1">
      <alignment vertical="top" wrapText="1"/>
    </xf>
    <xf numFmtId="0" fontId="7" fillId="0" borderId="14" xfId="0" applyFont="1" applyBorder="1" applyAlignment="1">
      <alignment vertical="top" wrapText="1"/>
    </xf>
    <xf numFmtId="0" fontId="3" fillId="0" borderId="14" xfId="0" applyFont="1" applyBorder="1" applyAlignment="1">
      <alignment horizontal="center" vertical="top" wrapText="1"/>
    </xf>
    <xf numFmtId="0" fontId="3" fillId="0" borderId="7" xfId="0" applyFont="1" applyBorder="1" applyAlignment="1">
      <alignment horizontal="center" vertical="top" wrapText="1"/>
    </xf>
    <xf numFmtId="0" fontId="6" fillId="0" borderId="13" xfId="0" applyFont="1" applyBorder="1" applyAlignment="1">
      <alignment horizontal="center" vertical="center"/>
    </xf>
    <xf numFmtId="0" fontId="7" fillId="0" borderId="13" xfId="0" applyFont="1" applyBorder="1" applyAlignment="1">
      <alignment vertical="top" wrapText="1"/>
    </xf>
    <xf numFmtId="0" fontId="3" fillId="0" borderId="13" xfId="0" applyFont="1" applyBorder="1" applyAlignment="1">
      <alignment horizontal="center" vertical="top" wrapText="1"/>
    </xf>
    <xf numFmtId="0" fontId="3" fillId="0" borderId="2" xfId="0" applyFont="1" applyBorder="1" applyAlignment="1">
      <alignment horizontal="center" vertical="top" wrapText="1"/>
    </xf>
    <xf numFmtId="0" fontId="6" fillId="0" borderId="1" xfId="0" applyFont="1" applyBorder="1" applyAlignment="1">
      <alignment vertical="top" wrapText="1"/>
    </xf>
    <xf numFmtId="0" fontId="6" fillId="0" borderId="13" xfId="0" applyFont="1" applyBorder="1" applyAlignment="1">
      <alignment vertical="top" wrapText="1"/>
    </xf>
    <xf numFmtId="0" fontId="7" fillId="0" borderId="15" xfId="0" applyFont="1" applyBorder="1">
      <alignment vertical="center"/>
    </xf>
    <xf numFmtId="0" fontId="11" fillId="0" borderId="0" xfId="0" applyFont="1">
      <alignment vertical="center"/>
    </xf>
    <xf numFmtId="0" fontId="7" fillId="0" borderId="14" xfId="0" applyFont="1" applyBorder="1" applyAlignment="1">
      <alignment horizontal="right" vertical="center"/>
    </xf>
    <xf numFmtId="0" fontId="6" fillId="0" borderId="11" xfId="0" applyFont="1" applyBorder="1" applyAlignment="1">
      <alignment vertical="top"/>
    </xf>
    <xf numFmtId="0" fontId="1" fillId="0" borderId="8" xfId="0" applyFont="1" applyBorder="1" applyAlignment="1">
      <alignment vertical="top" wrapText="1"/>
    </xf>
    <xf numFmtId="0" fontId="1" fillId="0" borderId="9" xfId="0" applyFont="1" applyBorder="1" applyAlignment="1">
      <alignment vertical="top" wrapText="1"/>
    </xf>
    <xf numFmtId="0" fontId="1" fillId="0" borderId="12" xfId="0" applyFont="1" applyBorder="1" applyAlignment="1">
      <alignment vertical="top" wrapText="1"/>
    </xf>
    <xf numFmtId="0" fontId="6" fillId="0" borderId="8" xfId="0" applyFont="1" applyBorder="1" applyAlignment="1">
      <alignment vertical="top" wrapText="1"/>
    </xf>
    <xf numFmtId="0" fontId="6" fillId="0" borderId="9" xfId="0" applyFont="1" applyBorder="1" applyAlignment="1">
      <alignment vertical="top" wrapText="1"/>
    </xf>
    <xf numFmtId="0" fontId="6" fillId="0" borderId="12" xfId="0" applyFont="1" applyBorder="1" applyAlignment="1">
      <alignment vertical="top" wrapText="1"/>
    </xf>
    <xf numFmtId="0" fontId="3" fillId="0" borderId="1" xfId="0" applyFont="1" applyBorder="1" applyAlignment="1">
      <alignment horizontal="center" vertical="top" wrapText="1"/>
    </xf>
    <xf numFmtId="0" fontId="3" fillId="0" borderId="10" xfId="0" applyFont="1" applyBorder="1" applyAlignment="1">
      <alignment horizontal="center" vertical="top" wrapText="1"/>
    </xf>
    <xf numFmtId="0" fontId="3" fillId="0" borderId="8" xfId="0" applyFont="1" applyBorder="1" applyAlignment="1">
      <alignment horizontal="center" vertical="top" wrapText="1"/>
    </xf>
    <xf numFmtId="0" fontId="3" fillId="0" borderId="9" xfId="0" applyFont="1" applyBorder="1" applyAlignment="1">
      <alignment horizontal="center" vertical="top" wrapText="1"/>
    </xf>
    <xf numFmtId="0" fontId="3" fillId="0" borderId="12" xfId="0" applyFont="1" applyBorder="1" applyAlignment="1">
      <alignment horizontal="center" vertical="top" wrapText="1"/>
    </xf>
    <xf numFmtId="0" fontId="6" fillId="0" borderId="9" xfId="0" applyFont="1" applyBorder="1" applyAlignment="1">
      <alignment vertical="top"/>
    </xf>
    <xf numFmtId="0" fontId="1" fillId="0" borderId="9" xfId="0" applyFont="1" applyBorder="1" applyAlignment="1">
      <alignment vertical="top"/>
    </xf>
    <xf numFmtId="0" fontId="11" fillId="0" borderId="4" xfId="0" applyFont="1" applyBorder="1" applyAlignment="1">
      <alignment horizontal="center" vertical="center"/>
    </xf>
    <xf numFmtId="0" fontId="11" fillId="0" borderId="15" xfId="0" applyFont="1" applyBorder="1" applyAlignment="1">
      <alignment horizontal="center" vertical="center"/>
    </xf>
    <xf numFmtId="0" fontId="11" fillId="0" borderId="5" xfId="0" applyFont="1" applyBorder="1" applyAlignment="1">
      <alignment horizontal="center" vertical="center"/>
    </xf>
    <xf numFmtId="0" fontId="11" fillId="0" borderId="0" xfId="0" applyFont="1" applyAlignment="1">
      <alignment horizontal="right" vertical="center"/>
    </xf>
    <xf numFmtId="0" fontId="7" fillId="0" borderId="8" xfId="0" applyFont="1" applyBorder="1" applyAlignment="1">
      <alignment vertical="top" wrapText="1"/>
    </xf>
    <xf numFmtId="0" fontId="7" fillId="0" borderId="12" xfId="0" applyFont="1" applyBorder="1" applyAlignment="1">
      <alignment vertical="top" wrapText="1"/>
    </xf>
    <xf numFmtId="0" fontId="7" fillId="0" borderId="1" xfId="0" applyFont="1" applyBorder="1" applyAlignment="1">
      <alignment vertical="top" wrapText="1"/>
    </xf>
    <xf numFmtId="0" fontId="6" fillId="0" borderId="14" xfId="0" applyFont="1" applyBorder="1" applyAlignment="1">
      <alignment vertical="top"/>
    </xf>
    <xf numFmtId="0" fontId="6" fillId="0" borderId="7" xfId="0" applyFont="1" applyBorder="1" applyAlignment="1">
      <alignment vertical="top"/>
    </xf>
    <xf numFmtId="0" fontId="6" fillId="0" borderId="12" xfId="0" applyFont="1" applyBorder="1" applyAlignment="1">
      <alignment vertical="top"/>
    </xf>
    <xf numFmtId="0" fontId="7" fillId="0" borderId="9" xfId="0" applyFont="1" applyBorder="1" applyAlignment="1">
      <alignment vertical="top" wrapText="1"/>
    </xf>
    <xf numFmtId="0" fontId="11" fillId="0" borderId="0" xfId="0" applyFont="1" applyAlignment="1">
      <alignment horizontal="center" vertical="center"/>
    </xf>
    <xf numFmtId="0" fontId="7" fillId="0" borderId="0" xfId="0" applyFont="1" applyAlignment="1">
      <alignment horizontal="right" vertical="center"/>
    </xf>
    <xf numFmtId="0" fontId="15" fillId="0" borderId="0" xfId="0" applyFont="1" applyAlignment="1">
      <alignment horizontal="justify" vertical="top"/>
    </xf>
    <xf numFmtId="0" fontId="1" fillId="0" borderId="12" xfId="0" applyFont="1" applyBorder="1" applyAlignment="1">
      <alignment vertical="top"/>
    </xf>
    <xf numFmtId="0" fontId="6" fillId="0" borderId="11" xfId="0" applyFont="1" applyBorder="1" applyAlignment="1">
      <alignment vertical="top" wrapText="1"/>
    </xf>
    <xf numFmtId="0" fontId="7" fillId="0" borderId="10" xfId="0" applyFont="1" applyBorder="1" applyAlignment="1">
      <alignment vertical="top"/>
    </xf>
    <xf numFmtId="0" fontId="7" fillId="0" borderId="10" xfId="0" applyFont="1" applyBorder="1" applyAlignment="1">
      <alignment vertical="top" wrapText="1"/>
    </xf>
    <xf numFmtId="0" fontId="7" fillId="0" borderId="0" xfId="0" applyFont="1" applyAlignment="1">
      <alignment vertical="top"/>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7" fillId="0" borderId="41" xfId="0" applyFont="1" applyBorder="1" applyAlignment="1">
      <alignment horizontal="center" vertical="center"/>
    </xf>
    <xf numFmtId="0" fontId="7" fillId="0" borderId="3" xfId="0" applyFont="1" applyBorder="1" applyAlignment="1">
      <alignment horizontal="distributed" vertical="center" indent="1"/>
    </xf>
    <xf numFmtId="0" fontId="7" fillId="0" borderId="16" xfId="0" applyFont="1" applyBorder="1" applyAlignment="1">
      <alignment horizontal="distributed" vertical="center" indent="1"/>
    </xf>
    <xf numFmtId="0" fontId="7" fillId="0" borderId="8" xfId="0" applyFont="1" applyBorder="1" applyAlignment="1">
      <alignment horizontal="center" vertical="center"/>
    </xf>
    <xf numFmtId="0" fontId="7" fillId="0" borderId="12" xfId="0" applyFont="1" applyBorder="1" applyAlignment="1">
      <alignment horizontal="center" vertical="center"/>
    </xf>
    <xf numFmtId="0" fontId="1" fillId="0" borderId="16" xfId="0" applyFont="1" applyBorder="1" applyAlignment="1">
      <alignment horizontal="distributed" vertical="center" indent="1"/>
    </xf>
    <xf numFmtId="0" fontId="1" fillId="0" borderId="6" xfId="0" applyFont="1" applyBorder="1">
      <alignment vertical="center"/>
    </xf>
    <xf numFmtId="0" fontId="15" fillId="0" borderId="0" xfId="0" applyFont="1">
      <alignment vertical="center"/>
    </xf>
    <xf numFmtId="0" fontId="1" fillId="0" borderId="1" xfId="0" applyFont="1" applyBorder="1">
      <alignment vertical="center"/>
    </xf>
    <xf numFmtId="0" fontId="1" fillId="0" borderId="10" xfId="0" applyFont="1" applyBorder="1">
      <alignment vertical="center"/>
    </xf>
    <xf numFmtId="0" fontId="6" fillId="0" borderId="103" xfId="0" applyFont="1" applyBorder="1">
      <alignment vertical="center"/>
    </xf>
    <xf numFmtId="0" fontId="6" fillId="0" borderId="105" xfId="0" applyFont="1" applyBorder="1">
      <alignment vertical="center"/>
    </xf>
    <xf numFmtId="0" fontId="6" fillId="0" borderId="106" xfId="0" applyFont="1" applyBorder="1">
      <alignment vertical="center"/>
    </xf>
    <xf numFmtId="0" fontId="6" fillId="0" borderId="107" xfId="0" applyFont="1" applyBorder="1">
      <alignment vertical="center"/>
    </xf>
    <xf numFmtId="0" fontId="6" fillId="0" borderId="9" xfId="0" applyFont="1" applyBorder="1">
      <alignment vertical="center"/>
    </xf>
    <xf numFmtId="0" fontId="6" fillId="0" borderId="108" xfId="0" applyFont="1" applyBorder="1">
      <alignment vertical="center"/>
    </xf>
    <xf numFmtId="0" fontId="6" fillId="0" borderId="11" xfId="0" applyFont="1" applyBorder="1">
      <alignment vertical="center"/>
    </xf>
    <xf numFmtId="0" fontId="6" fillId="0" borderId="109" xfId="0" applyFont="1" applyBorder="1">
      <alignment vertical="center"/>
    </xf>
    <xf numFmtId="0" fontId="6" fillId="0" borderId="111" xfId="0" applyFont="1" applyBorder="1">
      <alignment vertical="center"/>
    </xf>
    <xf numFmtId="0" fontId="6" fillId="0" borderId="112" xfId="0" applyFont="1" applyBorder="1">
      <alignment vertical="center"/>
    </xf>
    <xf numFmtId="0" fontId="6" fillId="0" borderId="102" xfId="0" applyFont="1" applyBorder="1">
      <alignment vertical="center"/>
    </xf>
    <xf numFmtId="0" fontId="6" fillId="0" borderId="113" xfId="0" applyFont="1" applyBorder="1">
      <alignment vertical="center"/>
    </xf>
    <xf numFmtId="0" fontId="6" fillId="0" borderId="114" xfId="0" applyFont="1" applyBorder="1">
      <alignment vertical="center"/>
    </xf>
    <xf numFmtId="0" fontId="6" fillId="0" borderId="115" xfId="0" applyFont="1" applyBorder="1">
      <alignment vertical="center"/>
    </xf>
    <xf numFmtId="0" fontId="6" fillId="0" borderId="116" xfId="0" applyFont="1" applyBorder="1">
      <alignment vertical="center"/>
    </xf>
    <xf numFmtId="0" fontId="1" fillId="0" borderId="8" xfId="0" applyFont="1" applyBorder="1" applyAlignment="1">
      <alignment vertical="top"/>
    </xf>
    <xf numFmtId="0" fontId="20" fillId="0" borderId="9" xfId="0" applyFont="1" applyBorder="1" applyAlignment="1">
      <alignment vertical="top" wrapText="1"/>
    </xf>
    <xf numFmtId="0" fontId="11" fillId="0" borderId="0" xfId="0" applyFont="1" applyAlignment="1">
      <alignment vertical="top" wrapText="1"/>
    </xf>
    <xf numFmtId="0" fontId="11" fillId="0" borderId="13" xfId="0" applyFont="1" applyBorder="1" applyAlignment="1">
      <alignment vertical="top" wrapText="1"/>
    </xf>
    <xf numFmtId="0" fontId="11" fillId="0" borderId="14" xfId="0" applyFont="1" applyBorder="1" applyAlignment="1">
      <alignment vertical="top" wrapText="1"/>
    </xf>
    <xf numFmtId="0" fontId="11" fillId="0" borderId="97" xfId="0" applyFont="1" applyBorder="1">
      <alignment vertical="center"/>
    </xf>
    <xf numFmtId="0" fontId="11" fillId="0" borderId="95" xfId="0" applyFont="1" applyBorder="1">
      <alignment vertical="center"/>
    </xf>
    <xf numFmtId="0" fontId="11" fillId="0" borderId="7" xfId="0" applyFont="1" applyBorder="1">
      <alignment vertical="center"/>
    </xf>
    <xf numFmtId="0" fontId="11" fillId="0" borderId="9" xfId="0" applyFont="1" applyBorder="1" applyAlignment="1">
      <alignment vertical="top" wrapText="1"/>
    </xf>
    <xf numFmtId="0" fontId="11" fillId="0" borderId="14" xfId="0" applyFont="1" applyBorder="1">
      <alignment vertical="center"/>
    </xf>
    <xf numFmtId="0" fontId="6" fillId="0" borderId="12" xfId="0" applyFont="1" applyBorder="1" applyAlignment="1">
      <alignment horizontal="center" vertical="center" wrapText="1"/>
    </xf>
    <xf numFmtId="0" fontId="28" fillId="0" borderId="0" xfId="0" applyFont="1">
      <alignment vertical="center"/>
    </xf>
    <xf numFmtId="0" fontId="29" fillId="0" borderId="0" xfId="0" applyFont="1">
      <alignment vertical="center"/>
    </xf>
    <xf numFmtId="0" fontId="7" fillId="8" borderId="0" xfId="0" applyFont="1" applyFill="1">
      <alignment vertical="center"/>
    </xf>
    <xf numFmtId="0" fontId="6" fillId="0" borderId="8" xfId="0" applyFont="1" applyBorder="1" applyAlignment="1">
      <alignment horizontal="center" vertical="center" wrapText="1"/>
    </xf>
    <xf numFmtId="0" fontId="7" fillId="0" borderId="13" xfId="0" applyFont="1" applyBorder="1" applyAlignment="1">
      <alignment vertical="center" shrinkToFit="1"/>
    </xf>
    <xf numFmtId="0" fontId="7" fillId="0" borderId="27" xfId="0" applyFont="1" applyBorder="1" applyAlignment="1">
      <alignment vertical="center" shrinkToFit="1"/>
    </xf>
    <xf numFmtId="0" fontId="7" fillId="0" borderId="14" xfId="0" applyFont="1" applyBorder="1" applyAlignment="1">
      <alignment vertical="center" shrinkToFit="1"/>
    </xf>
    <xf numFmtId="0" fontId="7" fillId="0" borderId="21" xfId="0" applyFont="1" applyBorder="1" applyAlignment="1">
      <alignment vertical="center" shrinkToFit="1"/>
    </xf>
    <xf numFmtId="0" fontId="7" fillId="0" borderId="24" xfId="0" applyFont="1" applyBorder="1" applyAlignment="1">
      <alignment vertical="center" shrinkToFit="1"/>
    </xf>
    <xf numFmtId="0" fontId="7" fillId="0" borderId="0" xfId="0" applyFont="1" applyAlignment="1">
      <alignment vertical="center" shrinkToFit="1"/>
    </xf>
    <xf numFmtId="0" fontId="7" fillId="0" borderId="28" xfId="0" applyFont="1" applyBorder="1" applyAlignment="1">
      <alignment vertical="center" shrinkToFit="1"/>
    </xf>
    <xf numFmtId="0" fontId="7" fillId="0" borderId="0" xfId="0" applyFont="1" applyAlignment="1">
      <alignment horizontal="center" vertical="center"/>
    </xf>
    <xf numFmtId="0" fontId="7" fillId="0" borderId="117" xfId="0" applyFont="1" applyBorder="1" applyAlignment="1">
      <alignment horizontal="center" vertical="center" wrapText="1"/>
    </xf>
    <xf numFmtId="0" fontId="7" fillId="0" borderId="119" xfId="0" applyFont="1" applyBorder="1" applyAlignment="1">
      <alignment horizontal="center" vertical="center"/>
    </xf>
    <xf numFmtId="0" fontId="7" fillId="0" borderId="118" xfId="0" applyFont="1" applyBorder="1" applyAlignment="1">
      <alignment horizontal="center" vertical="center"/>
    </xf>
    <xf numFmtId="0" fontId="7" fillId="0" borderId="78" xfId="0" applyFont="1" applyBorder="1">
      <alignment vertical="center"/>
    </xf>
    <xf numFmtId="0" fontId="7" fillId="0" borderId="120" xfId="0" applyFont="1" applyBorder="1">
      <alignment vertical="center"/>
    </xf>
    <xf numFmtId="0" fontId="7" fillId="0" borderId="121" xfId="0" applyFont="1" applyBorder="1">
      <alignment vertical="center"/>
    </xf>
    <xf numFmtId="0" fontId="7" fillId="0" borderId="126" xfId="0" applyFont="1" applyBorder="1">
      <alignment vertical="center"/>
    </xf>
    <xf numFmtId="0" fontId="7" fillId="0" borderId="128" xfId="0" applyFont="1" applyBorder="1">
      <alignment vertical="center"/>
    </xf>
    <xf numFmtId="0" fontId="7" fillId="0" borderId="130" xfId="0" applyFont="1" applyBorder="1">
      <alignment vertical="center"/>
    </xf>
    <xf numFmtId="0" fontId="7" fillId="0" borderId="132" xfId="0" applyFont="1" applyBorder="1">
      <alignment vertical="center"/>
    </xf>
    <xf numFmtId="0" fontId="7" fillId="0" borderId="133" xfId="0" applyFont="1" applyBorder="1">
      <alignment vertical="center"/>
    </xf>
    <xf numFmtId="0" fontId="7" fillId="0" borderId="50" xfId="0" applyFont="1" applyBorder="1">
      <alignment vertical="center"/>
    </xf>
    <xf numFmtId="0" fontId="7" fillId="0" borderId="48" xfId="0" applyFont="1" applyBorder="1">
      <alignment vertical="center"/>
    </xf>
    <xf numFmtId="0" fontId="7" fillId="0" borderId="49" xfId="0" applyFont="1" applyBorder="1">
      <alignment vertical="center"/>
    </xf>
    <xf numFmtId="0" fontId="7" fillId="0" borderId="134" xfId="0" applyFont="1" applyBorder="1">
      <alignment vertical="center"/>
    </xf>
    <xf numFmtId="0" fontId="7" fillId="0" borderId="87" xfId="0" applyFont="1" applyBorder="1">
      <alignment vertical="center"/>
    </xf>
    <xf numFmtId="0" fontId="7" fillId="0" borderId="135" xfId="0" applyFont="1" applyBorder="1">
      <alignment vertical="center"/>
    </xf>
    <xf numFmtId="0" fontId="7" fillId="0" borderId="136" xfId="0" applyFont="1" applyBorder="1">
      <alignment vertical="center"/>
    </xf>
    <xf numFmtId="0" fontId="7" fillId="0" borderId="137" xfId="0" applyFont="1" applyBorder="1">
      <alignment vertical="center"/>
    </xf>
    <xf numFmtId="0" fontId="7" fillId="0" borderId="96" xfId="0" applyFont="1" applyBorder="1">
      <alignment vertical="center"/>
    </xf>
    <xf numFmtId="0" fontId="7" fillId="0" borderId="138" xfId="0" applyFont="1" applyBorder="1">
      <alignment vertical="center"/>
    </xf>
    <xf numFmtId="0" fontId="7" fillId="0" borderId="25" xfId="0" applyFont="1" applyBorder="1">
      <alignment vertical="center"/>
    </xf>
    <xf numFmtId="0" fontId="7" fillId="0" borderId="139" xfId="0" applyFont="1" applyBorder="1">
      <alignment vertical="center"/>
    </xf>
    <xf numFmtId="0" fontId="7" fillId="0" borderId="140" xfId="0" applyFont="1" applyBorder="1">
      <alignment vertical="center"/>
    </xf>
    <xf numFmtId="0" fontId="7" fillId="0" borderId="74" xfId="0" applyFont="1" applyBorder="1">
      <alignment vertical="center"/>
    </xf>
    <xf numFmtId="0" fontId="7" fillId="0" borderId="141" xfId="0" applyFont="1" applyBorder="1">
      <alignment vertical="center"/>
    </xf>
    <xf numFmtId="0" fontId="7" fillId="0" borderId="142" xfId="0" applyFont="1" applyBorder="1">
      <alignment vertical="center"/>
    </xf>
    <xf numFmtId="0" fontId="7" fillId="0" borderId="143" xfId="0" applyFont="1" applyBorder="1">
      <alignment vertical="center"/>
    </xf>
    <xf numFmtId="0" fontId="0" fillId="0" borderId="0" xfId="0" applyAlignment="1">
      <alignment vertical="top"/>
    </xf>
    <xf numFmtId="0" fontId="7" fillId="0" borderId="0" xfId="0" applyFont="1" applyAlignment="1">
      <alignment horizontal="right"/>
    </xf>
    <xf numFmtId="0" fontId="7" fillId="0" borderId="0" xfId="0" applyFont="1" applyAlignment="1">
      <alignment horizontal="center"/>
    </xf>
    <xf numFmtId="0" fontId="7" fillId="0" borderId="8" xfId="0" applyFont="1" applyBorder="1">
      <alignment vertical="center"/>
    </xf>
    <xf numFmtId="0" fontId="7" fillId="0" borderId="77" xfId="0" applyFont="1" applyBorder="1">
      <alignment vertical="center"/>
    </xf>
    <xf numFmtId="0" fontId="6" fillId="0" borderId="7" xfId="0" applyFont="1" applyBorder="1" applyAlignment="1">
      <alignment vertical="top" wrapText="1"/>
    </xf>
    <xf numFmtId="0" fontId="1" fillId="0" borderId="13" xfId="0" applyFont="1" applyBorder="1">
      <alignment vertical="center"/>
    </xf>
    <xf numFmtId="0" fontId="7" fillId="0" borderId="13" xfId="0" applyFont="1" applyBorder="1" applyAlignment="1">
      <alignment horizontal="center" vertical="center" shrinkToFit="1"/>
    </xf>
    <xf numFmtId="0" fontId="7" fillId="0" borderId="27" xfId="0" applyFont="1" applyBorder="1" applyAlignment="1">
      <alignment horizontal="center" vertical="center" shrinkToFit="1"/>
    </xf>
    <xf numFmtId="0" fontId="7" fillId="0" borderId="144" xfId="0" applyFont="1" applyBorder="1" applyAlignment="1">
      <alignment horizontal="center" vertical="center" shrinkToFit="1"/>
    </xf>
    <xf numFmtId="0" fontId="11" fillId="0" borderId="13" xfId="0" applyFont="1" applyBorder="1">
      <alignment vertical="center"/>
    </xf>
    <xf numFmtId="178" fontId="23" fillId="0" borderId="1" xfId="0" applyNumberFormat="1" applyFont="1" applyBorder="1">
      <alignment vertical="center"/>
    </xf>
    <xf numFmtId="178" fontId="23" fillId="0" borderId="2" xfId="0" applyNumberFormat="1" applyFont="1" applyBorder="1">
      <alignment vertical="center"/>
    </xf>
    <xf numFmtId="0" fontId="32" fillId="0" borderId="14" xfId="0" applyFont="1" applyBorder="1" applyAlignment="1">
      <alignment vertical="top" wrapText="1"/>
    </xf>
    <xf numFmtId="0" fontId="21" fillId="0" borderId="12" xfId="0" applyFont="1" applyBorder="1" applyAlignment="1">
      <alignment vertical="top" wrapText="1"/>
    </xf>
    <xf numFmtId="0" fontId="7" fillId="0" borderId="127" xfId="0" applyFont="1" applyBorder="1" applyAlignment="1">
      <alignment horizontal="center" vertical="center"/>
    </xf>
    <xf numFmtId="0" fontId="7" fillId="0" borderId="2" xfId="0" applyFont="1" applyBorder="1" applyAlignment="1">
      <alignment horizontal="center" vertical="center"/>
    </xf>
    <xf numFmtId="0" fontId="6" fillId="0" borderId="2" xfId="0" applyFont="1" applyBorder="1" applyAlignment="1">
      <alignment vertical="top" wrapText="1"/>
    </xf>
    <xf numFmtId="0" fontId="23" fillId="0" borderId="0" xfId="0" applyFont="1" applyAlignment="1">
      <alignment vertical="center" wrapText="1"/>
    </xf>
    <xf numFmtId="0" fontId="23" fillId="0" borderId="0" xfId="0" applyFont="1">
      <alignment vertical="center"/>
    </xf>
    <xf numFmtId="0" fontId="11" fillId="0" borderId="0" xfId="0" applyFont="1" applyAlignment="1">
      <alignment vertical="center" wrapText="1"/>
    </xf>
    <xf numFmtId="0" fontId="23" fillId="0" borderId="0" xfId="0" applyFont="1" applyAlignment="1">
      <alignment vertical="center" textRotation="255" wrapText="1"/>
    </xf>
    <xf numFmtId="183" fontId="11" fillId="0" borderId="0" xfId="0" applyNumberFormat="1" applyFont="1">
      <alignment vertical="center"/>
    </xf>
    <xf numFmtId="178" fontId="11" fillId="0" borderId="0" xfId="0" applyNumberFormat="1" applyFont="1">
      <alignment vertical="center"/>
    </xf>
    <xf numFmtId="0" fontId="7" fillId="0" borderId="10" xfId="0" applyFont="1" applyBorder="1" applyAlignment="1">
      <alignment horizontal="center" vertical="top"/>
    </xf>
    <xf numFmtId="0" fontId="7" fillId="0" borderId="0" xfId="0" applyFont="1" applyAlignment="1">
      <alignment horizontal="center" vertical="top"/>
    </xf>
    <xf numFmtId="0" fontId="7" fillId="0" borderId="77" xfId="0" applyFont="1" applyBorder="1" applyAlignment="1">
      <alignment horizontal="center" vertical="center"/>
    </xf>
    <xf numFmtId="0" fontId="7" fillId="0" borderId="120" xfId="0" applyFont="1" applyBorder="1" applyAlignment="1">
      <alignment horizontal="center" vertical="center"/>
    </xf>
    <xf numFmtId="0" fontId="7" fillId="0" borderId="140" xfId="0" applyFont="1" applyBorder="1" applyAlignment="1">
      <alignment horizontal="center" vertical="center"/>
    </xf>
    <xf numFmtId="0" fontId="7" fillId="0" borderId="156" xfId="0" applyFont="1" applyBorder="1" applyAlignment="1">
      <alignment horizontal="center" vertical="center"/>
    </xf>
    <xf numFmtId="0" fontId="7" fillId="0" borderId="157" xfId="0" applyFont="1" applyBorder="1" applyAlignment="1">
      <alignment horizontal="center" vertical="center"/>
    </xf>
    <xf numFmtId="0" fontId="7" fillId="0" borderId="158" xfId="0" applyFont="1" applyBorder="1" applyAlignment="1">
      <alignment horizontal="center" vertical="center"/>
    </xf>
    <xf numFmtId="0" fontId="6" fillId="0" borderId="79" xfId="0" applyFont="1" applyBorder="1" applyAlignment="1">
      <alignment horizontal="center" vertical="center"/>
    </xf>
    <xf numFmtId="0" fontId="9" fillId="0" borderId="16" xfId="0" applyFont="1" applyBorder="1" applyAlignment="1">
      <alignment horizontal="center" vertical="center" wrapText="1"/>
    </xf>
    <xf numFmtId="0" fontId="7" fillId="0" borderId="16" xfId="0" applyFont="1" applyBorder="1" applyAlignment="1">
      <alignment horizontal="distributed" vertical="center" indent="1"/>
    </xf>
    <xf numFmtId="0" fontId="31" fillId="0" borderId="0" xfId="0" applyFont="1" applyAlignment="1">
      <alignment horizontal="center" vertical="center"/>
    </xf>
    <xf numFmtId="0" fontId="22" fillId="0" borderId="0" xfId="0" applyFont="1">
      <alignment vertical="center"/>
    </xf>
    <xf numFmtId="0" fontId="9" fillId="0" borderId="37" xfId="0" applyFont="1" applyBorder="1" applyAlignment="1">
      <alignment horizontal="center" vertical="center"/>
    </xf>
    <xf numFmtId="0" fontId="9" fillId="0" borderId="16" xfId="0" applyFont="1" applyBorder="1" applyAlignment="1">
      <alignment horizontal="center" vertical="center"/>
    </xf>
    <xf numFmtId="0" fontId="7" fillId="0" borderId="37" xfId="0" applyFont="1" applyBorder="1" applyAlignment="1">
      <alignment horizontal="distributed" vertical="center" indent="1"/>
    </xf>
    <xf numFmtId="0" fontId="7" fillId="0" borderId="36" xfId="0" applyFont="1" applyBorder="1">
      <alignment vertical="center"/>
    </xf>
    <xf numFmtId="0" fontId="7" fillId="0" borderId="37" xfId="0" applyFont="1" applyBorder="1">
      <alignment vertical="center"/>
    </xf>
    <xf numFmtId="0" fontId="7" fillId="0" borderId="16" xfId="0" applyFont="1" applyBorder="1" applyAlignment="1">
      <alignment horizontal="center" vertical="center"/>
    </xf>
    <xf numFmtId="0" fontId="9" fillId="0" borderId="3" xfId="0" applyFont="1" applyBorder="1" applyAlignment="1">
      <alignment horizontal="center" vertical="center"/>
    </xf>
    <xf numFmtId="0" fontId="7" fillId="0" borderId="3" xfId="0" applyFont="1" applyBorder="1" applyAlignment="1">
      <alignment horizontal="center" vertical="center"/>
    </xf>
    <xf numFmtId="0" fontId="7" fillId="0" borderId="8" xfId="0" applyFont="1" applyBorder="1" applyAlignment="1">
      <alignment horizontal="center" vertical="center"/>
    </xf>
    <xf numFmtId="0" fontId="7" fillId="0" borderId="3" xfId="0" applyFont="1" applyBorder="1" applyAlignment="1">
      <alignment horizontal="distributed" vertical="center" indent="1"/>
    </xf>
    <xf numFmtId="0" fontId="7" fillId="0" borderId="18" xfId="0" applyFont="1" applyBorder="1" applyAlignment="1">
      <alignment horizontal="center" vertical="center"/>
    </xf>
    <xf numFmtId="0" fontId="8" fillId="0" borderId="1" xfId="0" applyFont="1" applyBorder="1">
      <alignment vertical="center"/>
    </xf>
    <xf numFmtId="0" fontId="8" fillId="0" borderId="2" xfId="0" applyFont="1" applyBorder="1">
      <alignment vertical="center"/>
    </xf>
    <xf numFmtId="0" fontId="7" fillId="0" borderId="0" xfId="0" applyFont="1" applyAlignment="1">
      <alignment horizontal="center" vertical="center"/>
    </xf>
    <xf numFmtId="0" fontId="7" fillId="0" borderId="19" xfId="0" applyFont="1" applyBorder="1" applyAlignment="1">
      <alignment horizontal="center" vertical="center"/>
    </xf>
    <xf numFmtId="0" fontId="8" fillId="0" borderId="6" xfId="0" applyFont="1" applyBorder="1" applyAlignment="1">
      <alignment horizontal="distributed" vertical="center"/>
    </xf>
    <xf numFmtId="0" fontId="8" fillId="0" borderId="7" xfId="0" applyFont="1" applyBorder="1" applyAlignment="1">
      <alignment horizontal="distributed" vertical="center"/>
    </xf>
    <xf numFmtId="0" fontId="1" fillId="0" borderId="16" xfId="0" applyFont="1" applyBorder="1" applyAlignment="1">
      <alignment vertical="center" wrapText="1"/>
    </xf>
    <xf numFmtId="0" fontId="1" fillId="0" borderId="16" xfId="0" applyFont="1" applyBorder="1" applyAlignment="1">
      <alignment horizontal="center" vertical="center"/>
    </xf>
    <xf numFmtId="0" fontId="0" fillId="0" borderId="16" xfId="0" applyBorder="1" applyAlignment="1">
      <alignment horizontal="center" vertical="center"/>
    </xf>
    <xf numFmtId="0" fontId="1" fillId="0" borderId="16" xfId="0" applyFont="1" applyBorder="1" applyAlignment="1">
      <alignment horizontal="distributed" vertical="center" indent="1"/>
    </xf>
    <xf numFmtId="0" fontId="18" fillId="0" borderId="0" xfId="0" applyFont="1" applyAlignment="1">
      <alignment horizontal="center" vertical="center"/>
    </xf>
    <xf numFmtId="0" fontId="19" fillId="0" borderId="0" xfId="0" applyFont="1">
      <alignment vertical="center"/>
    </xf>
    <xf numFmtId="0" fontId="7" fillId="0" borderId="21" xfId="0" applyFont="1" applyBorder="1" applyAlignment="1">
      <alignment vertical="center" shrinkToFit="1"/>
    </xf>
    <xf numFmtId="0" fontId="0" fillId="0" borderId="22" xfId="0" applyBorder="1" applyAlignment="1">
      <alignment vertical="center" shrinkToFit="1"/>
    </xf>
    <xf numFmtId="0" fontId="7" fillId="0" borderId="24" xfId="0" applyFont="1" applyBorder="1" applyAlignment="1">
      <alignment vertical="center" shrinkToFit="1"/>
    </xf>
    <xf numFmtId="0" fontId="0" fillId="0" borderId="25" xfId="0" applyBorder="1" applyAlignment="1">
      <alignment vertical="center" shrinkToFit="1"/>
    </xf>
    <xf numFmtId="0" fontId="17" fillId="0" borderId="0" xfId="0" applyFont="1" applyAlignment="1">
      <alignment horizontal="center" vertical="center" textRotation="180" wrapText="1"/>
    </xf>
    <xf numFmtId="0" fontId="17" fillId="0" borderId="0" xfId="0" applyFont="1" applyAlignment="1">
      <alignment horizontal="center" vertical="center" textRotation="180"/>
    </xf>
    <xf numFmtId="0" fontId="0" fillId="0" borderId="0" xfId="0">
      <alignment vertical="center"/>
    </xf>
    <xf numFmtId="0" fontId="7" fillId="0" borderId="43" xfId="0" applyFont="1" applyBorder="1" applyAlignment="1">
      <alignment horizontal="center" vertical="center"/>
    </xf>
    <xf numFmtId="0" fontId="7" fillId="0" borderId="45" xfId="0" applyFont="1" applyBorder="1" applyAlignment="1">
      <alignment horizontal="center" vertical="center"/>
    </xf>
    <xf numFmtId="0" fontId="7" fillId="0" borderId="63" xfId="0" applyFont="1" applyBorder="1" applyAlignment="1">
      <alignment horizontal="center" vertical="center"/>
    </xf>
    <xf numFmtId="0" fontId="7" fillId="0" borderId="64" xfId="0" applyFont="1" applyBorder="1" applyAlignment="1">
      <alignment horizontal="center" vertical="center"/>
    </xf>
    <xf numFmtId="0" fontId="7" fillId="0" borderId="38" xfId="0" applyFont="1" applyBorder="1" applyAlignment="1">
      <alignment horizontal="center" vertical="center" textRotation="255"/>
    </xf>
    <xf numFmtId="0" fontId="7" fillId="0" borderId="41" xfId="0" applyFont="1" applyBorder="1" applyAlignment="1">
      <alignment horizontal="center" vertical="center" textRotation="255"/>
    </xf>
    <xf numFmtId="0" fontId="7" fillId="0" borderId="41" xfId="0" applyFont="1" applyBorder="1" applyAlignment="1">
      <alignment horizontal="center" vertical="center" wrapText="1"/>
    </xf>
    <xf numFmtId="0" fontId="7" fillId="0" borderId="42" xfId="0" applyFont="1" applyBorder="1" applyAlignment="1">
      <alignment horizontal="center" vertical="center"/>
    </xf>
    <xf numFmtId="0" fontId="7" fillId="0" borderId="125" xfId="0" applyFont="1" applyBorder="1" applyAlignment="1">
      <alignment horizontal="center" vertical="center" wrapText="1"/>
    </xf>
    <xf numFmtId="0" fontId="7" fillId="0" borderId="127" xfId="0" applyFont="1" applyBorder="1" applyAlignment="1">
      <alignment horizontal="center" vertical="center"/>
    </xf>
    <xf numFmtId="0" fontId="7" fillId="0" borderId="129" xfId="0" applyFont="1" applyBorder="1" applyAlignment="1">
      <alignment horizontal="center" vertical="center"/>
    </xf>
    <xf numFmtId="0" fontId="7" fillId="0" borderId="131" xfId="0" applyFont="1" applyBorder="1" applyAlignment="1">
      <alignment horizontal="center" vertical="center"/>
    </xf>
    <xf numFmtId="0" fontId="7" fillId="0" borderId="14" xfId="0" applyFont="1" applyBorder="1" applyAlignment="1">
      <alignment vertical="top" wrapText="1"/>
    </xf>
    <xf numFmtId="0" fontId="7" fillId="0" borderId="122" xfId="0" applyFont="1" applyBorder="1" applyAlignment="1">
      <alignment horizontal="center" vertical="center" wrapText="1"/>
    </xf>
    <xf numFmtId="0" fontId="7" fillId="0" borderId="123" xfId="0" applyFont="1" applyBorder="1" applyAlignment="1">
      <alignment horizontal="center" vertical="center"/>
    </xf>
    <xf numFmtId="0" fontId="7" fillId="0" borderId="124" xfId="0" applyFont="1" applyBorder="1" applyAlignment="1">
      <alignment horizontal="center" vertical="center"/>
    </xf>
    <xf numFmtId="177" fontId="7" fillId="0" borderId="159" xfId="0" applyNumberFormat="1" applyFont="1" applyBorder="1" applyAlignment="1">
      <alignment vertical="top"/>
    </xf>
    <xf numFmtId="177" fontId="7" fillId="0" borderId="84" xfId="0" applyNumberFormat="1" applyFont="1" applyBorder="1" applyAlignment="1">
      <alignment vertical="top"/>
    </xf>
    <xf numFmtId="0" fontId="6" fillId="0" borderId="3" xfId="0" applyFont="1" applyBorder="1" applyAlignment="1">
      <alignment horizontal="center" vertical="center"/>
    </xf>
    <xf numFmtId="0" fontId="6" fillId="0" borderId="3" xfId="0" applyFont="1" applyBorder="1" applyAlignment="1">
      <alignment horizontal="center" vertical="center" wrapText="1"/>
    </xf>
    <xf numFmtId="0" fontId="7" fillId="0" borderId="3" xfId="0" applyFont="1" applyBorder="1" applyAlignment="1">
      <alignment horizontal="center" vertical="center" wrapText="1"/>
    </xf>
    <xf numFmtId="0" fontId="10" fillId="0" borderId="3" xfId="0" applyFont="1" applyBorder="1" applyAlignment="1">
      <alignment horizontal="center" vertical="center" wrapText="1"/>
    </xf>
    <xf numFmtId="0" fontId="7" fillId="0" borderId="12" xfId="0" applyFont="1" applyBorder="1" applyAlignment="1">
      <alignment horizontal="center" vertical="center"/>
    </xf>
    <xf numFmtId="0" fontId="7" fillId="0" borderId="79" xfId="0" applyFont="1" applyBorder="1" applyAlignment="1">
      <alignment horizontal="center" vertical="center"/>
    </xf>
    <xf numFmtId="0" fontId="6" fillId="0" borderId="79" xfId="0" applyFont="1" applyBorder="1" applyAlignment="1">
      <alignment horizontal="center" vertical="center" wrapText="1"/>
    </xf>
    <xf numFmtId="0" fontId="6" fillId="0" borderId="79" xfId="0" applyFont="1" applyBorder="1" applyAlignment="1">
      <alignment horizontal="center" vertical="center"/>
    </xf>
    <xf numFmtId="58" fontId="6" fillId="0" borderId="159" xfId="0" applyNumberFormat="1" applyFont="1" applyBorder="1" applyAlignment="1">
      <alignment horizontal="center" vertical="center" shrinkToFit="1"/>
    </xf>
    <xf numFmtId="0" fontId="6" fillId="0" borderId="84" xfId="0" applyFont="1" applyBorder="1" applyAlignment="1">
      <alignment horizontal="center" vertical="center" shrinkToFit="1"/>
    </xf>
    <xf numFmtId="0" fontId="6" fillId="0" borderId="159" xfId="0" applyFont="1" applyBorder="1" applyAlignment="1">
      <alignment horizontal="center" vertical="center" shrinkToFit="1"/>
    </xf>
    <xf numFmtId="0" fontId="6" fillId="0" borderId="12" xfId="0" applyFont="1" applyBorder="1" applyAlignment="1">
      <alignment horizontal="center" vertical="center" shrinkToFit="1"/>
    </xf>
    <xf numFmtId="0" fontId="6" fillId="0" borderId="3" xfId="0" applyFont="1" applyBorder="1" applyAlignment="1">
      <alignment horizontal="center" vertical="center" shrinkToFit="1"/>
    </xf>
    <xf numFmtId="0" fontId="7" fillId="0" borderId="9" xfId="0" applyFont="1" applyBorder="1" applyAlignment="1">
      <alignment horizontal="center" vertical="center"/>
    </xf>
    <xf numFmtId="0" fontId="7" fillId="0" borderId="9" xfId="0" applyFont="1" applyBorder="1" applyAlignment="1">
      <alignment horizontal="center" vertical="center" wrapText="1"/>
    </xf>
    <xf numFmtId="0" fontId="6" fillId="0" borderId="12" xfId="0" applyFont="1" applyBorder="1" applyAlignment="1">
      <alignment horizontal="center" vertical="center" wrapText="1"/>
    </xf>
    <xf numFmtId="0" fontId="1" fillId="0" borderId="1" xfId="0" applyFont="1" applyBorder="1">
      <alignment vertical="center"/>
    </xf>
    <xf numFmtId="0" fontId="1" fillId="0" borderId="13" xfId="0" applyFont="1" applyBorder="1">
      <alignment vertical="center"/>
    </xf>
    <xf numFmtId="0" fontId="1" fillId="0" borderId="2" xfId="0" applyFont="1" applyBorder="1">
      <alignment vertical="center"/>
    </xf>
    <xf numFmtId="0" fontId="1" fillId="0" borderId="10" xfId="0" applyFont="1" applyBorder="1">
      <alignment vertical="center"/>
    </xf>
    <xf numFmtId="0" fontId="1" fillId="0" borderId="0" xfId="0" applyFont="1">
      <alignment vertical="center"/>
    </xf>
    <xf numFmtId="0" fontId="1" fillId="0" borderId="11" xfId="0" applyFont="1" applyBorder="1">
      <alignment vertical="center"/>
    </xf>
    <xf numFmtId="0" fontId="7" fillId="0" borderId="10" xfId="0" applyFont="1" applyBorder="1">
      <alignment vertical="center"/>
    </xf>
    <xf numFmtId="0" fontId="7" fillId="0" borderId="0" xfId="0" applyFont="1">
      <alignment vertical="center"/>
    </xf>
    <xf numFmtId="0" fontId="7" fillId="0" borderId="11" xfId="0" applyFont="1" applyBorder="1">
      <alignment vertical="center"/>
    </xf>
    <xf numFmtId="0" fontId="7" fillId="0" borderId="6" xfId="0" applyFont="1" applyBorder="1">
      <alignment vertical="center"/>
    </xf>
    <xf numFmtId="0" fontId="7" fillId="0" borderId="14" xfId="0" applyFont="1" applyBorder="1">
      <alignment vertical="center"/>
    </xf>
    <xf numFmtId="0" fontId="7" fillId="0" borderId="7" xfId="0" applyFont="1" applyBorder="1">
      <alignment vertical="center"/>
    </xf>
    <xf numFmtId="0" fontId="7" fillId="0" borderId="13" xfId="0" applyFont="1" applyBorder="1" applyAlignment="1">
      <alignment horizontal="center" vertical="center"/>
    </xf>
    <xf numFmtId="0" fontId="7" fillId="0" borderId="2" xfId="0" applyFont="1" applyBorder="1" applyAlignment="1">
      <alignment horizontal="center" vertical="center"/>
    </xf>
    <xf numFmtId="0" fontId="7" fillId="0" borderId="11" xfId="0" applyFont="1" applyBorder="1" applyAlignment="1">
      <alignment horizontal="center" vertical="center"/>
    </xf>
    <xf numFmtId="0" fontId="7" fillId="0" borderId="8" xfId="0" applyFont="1" applyBorder="1" applyAlignment="1">
      <alignment horizontal="center" vertical="center" wrapText="1"/>
    </xf>
    <xf numFmtId="0" fontId="7" fillId="0" borderId="14" xfId="0" applyFont="1" applyBorder="1" applyAlignment="1">
      <alignment horizontal="center" vertical="center"/>
    </xf>
    <xf numFmtId="0" fontId="7" fillId="0" borderId="7" xfId="0" applyFont="1" applyBorder="1" applyAlignment="1">
      <alignment horizontal="center" vertical="center"/>
    </xf>
    <xf numFmtId="0" fontId="1" fillId="0" borderId="0" xfId="0" applyFont="1" applyAlignment="1">
      <alignment horizontal="distributed" vertical="center" wrapText="1"/>
    </xf>
    <xf numFmtId="0" fontId="1" fillId="0" borderId="0" xfId="0" applyFont="1" applyAlignment="1">
      <alignment horizontal="distributed" vertical="center"/>
    </xf>
    <xf numFmtId="0" fontId="6" fillId="0" borderId="3" xfId="0" applyFont="1" applyBorder="1" applyAlignment="1">
      <alignment horizontal="center" vertical="justify" wrapText="1"/>
    </xf>
    <xf numFmtId="0" fontId="6" fillId="0" borderId="71" xfId="0" applyFont="1" applyBorder="1" applyAlignment="1">
      <alignment horizontal="center" vertical="justify"/>
    </xf>
    <xf numFmtId="0" fontId="7" fillId="0" borderId="56" xfId="0" applyFont="1" applyBorder="1" applyAlignment="1">
      <alignment horizontal="center" vertical="center"/>
    </xf>
    <xf numFmtId="0" fontId="7" fillId="0" borderId="70" xfId="0" applyFont="1" applyBorder="1" applyAlignment="1">
      <alignment horizontal="center" vertical="center"/>
    </xf>
    <xf numFmtId="0" fontId="6" fillId="0" borderId="56" xfId="0" applyFont="1" applyBorder="1" applyAlignment="1">
      <alignment horizontal="center" vertical="center" wrapText="1"/>
    </xf>
    <xf numFmtId="0" fontId="6" fillId="0" borderId="75" xfId="0" applyFont="1" applyBorder="1" applyAlignment="1">
      <alignment horizontal="center" vertical="center"/>
    </xf>
    <xf numFmtId="0" fontId="6" fillId="0" borderId="103" xfId="0" applyFont="1" applyBorder="1" applyAlignment="1">
      <alignment vertical="center" shrinkToFit="1"/>
    </xf>
    <xf numFmtId="0" fontId="6" fillId="0" borderId="104" xfId="0" applyFont="1" applyBorder="1" applyAlignment="1">
      <alignment vertical="center" shrinkToFit="1"/>
    </xf>
    <xf numFmtId="0" fontId="6" fillId="0" borderId="102" xfId="0" applyFont="1" applyBorder="1" applyAlignment="1">
      <alignment vertical="center" shrinkToFit="1"/>
    </xf>
    <xf numFmtId="0" fontId="6" fillId="0" borderId="113" xfId="0" applyFont="1" applyBorder="1" applyAlignment="1">
      <alignment vertical="center" shrinkToFit="1"/>
    </xf>
    <xf numFmtId="0" fontId="7" fillId="0" borderId="3" xfId="0" applyFont="1" applyBorder="1" applyAlignment="1">
      <alignment horizontal="center" vertical="center" textRotation="255"/>
    </xf>
    <xf numFmtId="0" fontId="7" fillId="0" borderId="8" xfId="0" applyFont="1" applyBorder="1" applyAlignment="1">
      <alignment horizontal="center" vertical="center" textRotation="255"/>
    </xf>
    <xf numFmtId="0" fontId="1" fillId="0" borderId="0" xfId="0" applyFont="1" applyAlignment="1">
      <alignment vertical="center" wrapText="1"/>
    </xf>
    <xf numFmtId="0" fontId="6" fillId="0" borderId="0" xfId="0" applyFont="1">
      <alignment vertical="center"/>
    </xf>
    <xf numFmtId="0" fontId="6" fillId="0" borderId="109" xfId="0" applyFont="1" applyBorder="1" applyAlignment="1">
      <alignment vertical="center" shrinkToFit="1"/>
    </xf>
    <xf numFmtId="0" fontId="6" fillId="0" borderId="110" xfId="0" applyFont="1" applyBorder="1" applyAlignment="1">
      <alignment vertical="center" shrinkToFit="1"/>
    </xf>
    <xf numFmtId="0" fontId="7" fillId="0" borderId="12" xfId="0" applyFont="1" applyBorder="1" applyAlignment="1">
      <alignment horizontal="center" vertical="center" textRotation="255"/>
    </xf>
    <xf numFmtId="0" fontId="1" fillId="0" borderId="13" xfId="0" applyFont="1" applyBorder="1" applyAlignment="1">
      <alignment wrapText="1"/>
    </xf>
    <xf numFmtId="0" fontId="1" fillId="0" borderId="0" xfId="0" applyFont="1" applyAlignment="1">
      <alignment wrapText="1"/>
    </xf>
    <xf numFmtId="0" fontId="1" fillId="0" borderId="10" xfId="0" applyFont="1" applyBorder="1" applyAlignment="1">
      <alignment horizontal="center" vertical="center"/>
    </xf>
    <xf numFmtId="0" fontId="1" fillId="0" borderId="0" xfId="0" applyFont="1" applyAlignment="1">
      <alignment horizontal="center" vertical="center"/>
    </xf>
    <xf numFmtId="0" fontId="1" fillId="0" borderId="8" xfId="0" applyFont="1" applyBorder="1" applyAlignment="1">
      <alignment vertical="top" wrapText="1"/>
    </xf>
    <xf numFmtId="0" fontId="1" fillId="0" borderId="9" xfId="0" applyFont="1" applyBorder="1" applyAlignment="1">
      <alignment vertical="top" wrapText="1"/>
    </xf>
    <xf numFmtId="0" fontId="1" fillId="0" borderId="4" xfId="0" applyFont="1" applyBorder="1" applyAlignment="1">
      <alignment vertical="top" wrapText="1"/>
    </xf>
    <xf numFmtId="0" fontId="1" fillId="0" borderId="15" xfId="0" applyFont="1" applyBorder="1" applyAlignment="1">
      <alignment vertical="top" wrapText="1"/>
    </xf>
    <xf numFmtId="0" fontId="1" fillId="0" borderId="5" xfId="0" applyFont="1" applyBorder="1" applyAlignment="1">
      <alignment vertical="top" wrapText="1"/>
    </xf>
    <xf numFmtId="0" fontId="3" fillId="2" borderId="3" xfId="0" applyFont="1" applyFill="1" applyBorder="1" applyAlignment="1">
      <alignment horizontal="center" vertical="center" wrapText="1"/>
    </xf>
    <xf numFmtId="0" fontId="6" fillId="0" borderId="0" xfId="0" applyFont="1" applyAlignment="1">
      <alignment vertical="top" wrapText="1"/>
    </xf>
    <xf numFmtId="0" fontId="6" fillId="0" borderId="10" xfId="0" applyFont="1" applyBorder="1" applyAlignment="1">
      <alignment vertical="top" wrapText="1"/>
    </xf>
    <xf numFmtId="0" fontId="6" fillId="0" borderId="9" xfId="0" applyFont="1" applyBorder="1" applyAlignment="1">
      <alignment horizontal="center" vertical="top" wrapText="1"/>
    </xf>
    <xf numFmtId="0" fontId="7" fillId="0" borderId="1" xfId="0" applyFont="1" applyBorder="1" applyAlignment="1">
      <alignment vertical="top" wrapText="1"/>
    </xf>
    <xf numFmtId="0" fontId="7" fillId="0" borderId="13" xfId="0" applyFont="1" applyBorder="1" applyAlignment="1">
      <alignment vertical="top" wrapText="1"/>
    </xf>
    <xf numFmtId="0" fontId="7" fillId="0" borderId="2" xfId="0" applyFont="1" applyBorder="1" applyAlignment="1">
      <alignment vertical="top" wrapText="1"/>
    </xf>
    <xf numFmtId="0" fontId="1" fillId="0" borderId="6" xfId="0" applyFont="1" applyBorder="1" applyAlignment="1">
      <alignment vertical="center" wrapText="1"/>
    </xf>
    <xf numFmtId="0" fontId="1" fillId="0" borderId="14" xfId="0" applyFont="1" applyBorder="1" applyAlignment="1">
      <alignment vertical="center" wrapText="1"/>
    </xf>
    <xf numFmtId="0" fontId="1" fillId="0" borderId="7" xfId="0" applyFont="1" applyBorder="1" applyAlignment="1">
      <alignment vertical="center" wrapText="1"/>
    </xf>
    <xf numFmtId="0" fontId="6" fillId="0" borderId="9" xfId="0" applyFont="1" applyBorder="1" applyAlignment="1">
      <alignment vertical="top" wrapText="1"/>
    </xf>
    <xf numFmtId="0" fontId="0" fillId="0" borderId="9" xfId="0" applyBorder="1" applyAlignment="1">
      <alignment vertical="top" wrapText="1"/>
    </xf>
    <xf numFmtId="0" fontId="6" fillId="0" borderId="12" xfId="0" applyFont="1" applyBorder="1" applyAlignment="1">
      <alignment vertical="top" wrapText="1"/>
    </xf>
    <xf numFmtId="0" fontId="3" fillId="2" borderId="1" xfId="0" applyFont="1" applyFill="1" applyBorder="1" applyAlignment="1">
      <alignment horizontal="center" vertical="center" wrapText="1"/>
    </xf>
    <xf numFmtId="0" fontId="3" fillId="2" borderId="10" xfId="0" applyFont="1" applyFill="1" applyBorder="1" applyAlignment="1">
      <alignment horizontal="center" vertical="center" wrapText="1"/>
    </xf>
    <xf numFmtId="0" fontId="3" fillId="2" borderId="6" xfId="0" applyFont="1" applyFill="1" applyBorder="1" applyAlignment="1">
      <alignment horizontal="center" vertical="center" wrapText="1"/>
    </xf>
    <xf numFmtId="0" fontId="3" fillId="0" borderId="9" xfId="0" applyFont="1" applyBorder="1" applyAlignment="1">
      <alignment horizontal="center" vertical="top" wrapText="1"/>
    </xf>
    <xf numFmtId="0" fontId="5" fillId="2" borderId="8" xfId="0" applyFont="1" applyFill="1" applyBorder="1" applyAlignment="1">
      <alignment horizontal="center" vertical="center" shrinkToFit="1"/>
    </xf>
    <xf numFmtId="0" fontId="5" fillId="2" borderId="12" xfId="0" applyFont="1" applyFill="1" applyBorder="1" applyAlignment="1">
      <alignment horizontal="center" vertical="center" shrinkToFit="1"/>
    </xf>
    <xf numFmtId="0" fontId="12" fillId="2" borderId="3" xfId="0" applyFont="1" applyFill="1" applyBorder="1" applyAlignment="1">
      <alignment horizontal="center" vertical="center" shrinkToFit="1"/>
    </xf>
    <xf numFmtId="0" fontId="13" fillId="0" borderId="4" xfId="0" applyFont="1" applyBorder="1" applyAlignment="1">
      <alignment vertical="top" wrapText="1"/>
    </xf>
    <xf numFmtId="0" fontId="13" fillId="0" borderId="15" xfId="0" applyFont="1" applyBorder="1" applyAlignment="1">
      <alignment vertical="top" wrapText="1"/>
    </xf>
    <xf numFmtId="0" fontId="13" fillId="0" borderId="5" xfId="0" applyFont="1" applyBorder="1" applyAlignment="1">
      <alignment vertical="top" wrapText="1"/>
    </xf>
    <xf numFmtId="0" fontId="6" fillId="0" borderId="8" xfId="0" applyFont="1" applyBorder="1" applyAlignment="1">
      <alignment vertical="top" wrapText="1"/>
    </xf>
    <xf numFmtId="0" fontId="6" fillId="0" borderId="6" xfId="0" applyFont="1" applyBorder="1" applyAlignment="1">
      <alignment vertical="top" wrapText="1"/>
    </xf>
    <xf numFmtId="0" fontId="6" fillId="0" borderId="1" xfId="0" applyFont="1" applyBorder="1" applyAlignment="1">
      <alignment vertical="top" wrapText="1"/>
    </xf>
    <xf numFmtId="0" fontId="6" fillId="0" borderId="13" xfId="0" applyFont="1" applyBorder="1" applyAlignment="1">
      <alignment vertical="top" wrapText="1"/>
    </xf>
    <xf numFmtId="0" fontId="6" fillId="0" borderId="2" xfId="0" applyFont="1" applyBorder="1" applyAlignment="1">
      <alignment vertical="top" wrapText="1"/>
    </xf>
    <xf numFmtId="0" fontId="1" fillId="0" borderId="10" xfId="0" applyFont="1" applyBorder="1" applyAlignment="1">
      <alignment vertical="center" wrapText="1"/>
    </xf>
    <xf numFmtId="0" fontId="1" fillId="0" borderId="11" xfId="0" applyFont="1" applyBorder="1" applyAlignment="1">
      <alignment vertical="center" wrapText="1"/>
    </xf>
    <xf numFmtId="0" fontId="0" fillId="0" borderId="11" xfId="0" applyBorder="1" applyAlignment="1">
      <alignment vertical="top" wrapText="1"/>
    </xf>
    <xf numFmtId="0" fontId="6" fillId="0" borderId="14" xfId="0" applyFont="1" applyBorder="1" applyAlignment="1">
      <alignment vertical="top" wrapText="1"/>
    </xf>
    <xf numFmtId="0" fontId="0" fillId="0" borderId="7" xfId="0" applyBorder="1" applyAlignment="1">
      <alignment vertical="top" wrapText="1"/>
    </xf>
    <xf numFmtId="0" fontId="6" fillId="0" borderId="11" xfId="0" applyFont="1" applyBorder="1" applyAlignment="1">
      <alignment vertical="top" wrapText="1"/>
    </xf>
    <xf numFmtId="0" fontId="0" fillId="0" borderId="10" xfId="0" applyBorder="1" applyAlignment="1">
      <alignment vertical="top" wrapText="1"/>
    </xf>
    <xf numFmtId="0" fontId="0" fillId="0" borderId="6" xfId="0" applyBorder="1" applyAlignment="1">
      <alignment vertical="top" wrapText="1"/>
    </xf>
    <xf numFmtId="0" fontId="6" fillId="0" borderId="7" xfId="0" applyFont="1" applyBorder="1" applyAlignment="1">
      <alignment vertical="top" wrapText="1"/>
    </xf>
    <xf numFmtId="0" fontId="23" fillId="0" borderId="1" xfId="0" applyFont="1" applyBorder="1" applyAlignment="1">
      <alignment vertical="top" wrapText="1"/>
    </xf>
    <xf numFmtId="0" fontId="23" fillId="0" borderId="13" xfId="0" applyFont="1" applyBorder="1" applyAlignment="1">
      <alignment vertical="top" wrapText="1"/>
    </xf>
    <xf numFmtId="0" fontId="23" fillId="0" borderId="2" xfId="0" applyFont="1" applyBorder="1" applyAlignment="1">
      <alignment vertical="top" wrapText="1"/>
    </xf>
    <xf numFmtId="0" fontId="1" fillId="0" borderId="9" xfId="0" applyFont="1" applyBorder="1" applyAlignment="1">
      <alignment horizontal="center" vertical="top" wrapText="1"/>
    </xf>
    <xf numFmtId="0" fontId="0" fillId="0" borderId="12" xfId="0" applyBorder="1" applyAlignment="1">
      <alignment vertical="top" wrapText="1"/>
    </xf>
    <xf numFmtId="0" fontId="6" fillId="0" borderId="8" xfId="0" applyFont="1" applyBorder="1" applyAlignment="1">
      <alignment horizontal="center" vertical="top" wrapText="1"/>
    </xf>
    <xf numFmtId="0" fontId="5" fillId="2" borderId="4" xfId="0" applyFont="1" applyFill="1" applyBorder="1" applyAlignment="1">
      <alignment horizontal="center" vertical="center" shrinkToFit="1"/>
    </xf>
    <xf numFmtId="0" fontId="5" fillId="2" borderId="5" xfId="0" applyFont="1" applyFill="1" applyBorder="1" applyAlignment="1">
      <alignment horizontal="center" vertical="center" shrinkToFit="1"/>
    </xf>
    <xf numFmtId="0" fontId="5" fillId="2" borderId="2" xfId="0" applyFont="1" applyFill="1" applyBorder="1" applyAlignment="1">
      <alignment horizontal="center" vertical="center" shrinkToFit="1"/>
    </xf>
    <xf numFmtId="0" fontId="5" fillId="2" borderId="7" xfId="0" applyFont="1" applyFill="1" applyBorder="1" applyAlignment="1">
      <alignment horizontal="center" vertical="center" shrinkToFit="1"/>
    </xf>
    <xf numFmtId="0" fontId="3" fillId="2" borderId="8" xfId="0" applyFont="1" applyFill="1" applyBorder="1" applyAlignment="1">
      <alignment horizontal="center" vertical="center" wrapText="1"/>
    </xf>
    <xf numFmtId="0" fontId="3" fillId="2" borderId="9" xfId="0" applyFont="1" applyFill="1" applyBorder="1" applyAlignment="1">
      <alignment horizontal="center" vertical="center" wrapText="1"/>
    </xf>
    <xf numFmtId="0" fontId="3" fillId="2" borderId="12" xfId="0" applyFont="1" applyFill="1" applyBorder="1" applyAlignment="1">
      <alignment horizontal="center" vertical="center" wrapText="1"/>
    </xf>
    <xf numFmtId="0" fontId="6" fillId="0" borderId="145" xfId="0" applyFont="1" applyBorder="1" applyAlignment="1">
      <alignment horizontal="center" vertical="center" wrapText="1"/>
    </xf>
    <xf numFmtId="0" fontId="0" fillId="0" borderId="146" xfId="0" applyBorder="1" applyAlignment="1">
      <alignment horizontal="center" vertical="center" wrapText="1"/>
    </xf>
    <xf numFmtId="0" fontId="0" fillId="0" borderId="147" xfId="0" applyBorder="1" applyAlignment="1">
      <alignment horizontal="center" vertical="center" wrapText="1"/>
    </xf>
    <xf numFmtId="0" fontId="0" fillId="0" borderId="6" xfId="0" applyBorder="1" applyAlignment="1">
      <alignment horizontal="center" vertical="center" wrapText="1"/>
    </xf>
    <xf numFmtId="0" fontId="0" fillId="0" borderId="14" xfId="0" applyBorder="1" applyAlignment="1">
      <alignment horizontal="center" vertical="center" wrapText="1"/>
    </xf>
    <xf numFmtId="0" fontId="0" fillId="0" borderId="7" xfId="0" applyBorder="1" applyAlignment="1">
      <alignment horizontal="center" vertical="center" wrapText="1"/>
    </xf>
    <xf numFmtId="0" fontId="7" fillId="0" borderId="145" xfId="0" applyFont="1" applyBorder="1" applyAlignment="1">
      <alignment horizontal="center" vertical="center"/>
    </xf>
    <xf numFmtId="0" fontId="0" fillId="0" borderId="146" xfId="0" applyBorder="1" applyAlignment="1">
      <alignment horizontal="center" vertical="center"/>
    </xf>
    <xf numFmtId="0" fontId="0" fillId="0" borderId="147" xfId="0" applyBorder="1" applyAlignment="1">
      <alignment horizontal="center" vertical="center"/>
    </xf>
    <xf numFmtId="0" fontId="0" fillId="0" borderId="6" xfId="0" applyBorder="1" applyAlignment="1">
      <alignment horizontal="center" vertical="center"/>
    </xf>
    <xf numFmtId="0" fontId="0" fillId="0" borderId="14" xfId="0" applyBorder="1" applyAlignment="1">
      <alignment horizontal="center" vertical="center"/>
    </xf>
    <xf numFmtId="0" fontId="0" fillId="0" borderId="7" xfId="0" applyBorder="1" applyAlignment="1">
      <alignment horizontal="center" vertical="center"/>
    </xf>
    <xf numFmtId="0" fontId="7" fillId="0" borderId="154" xfId="0" applyFont="1" applyBorder="1" applyAlignment="1">
      <alignment horizontal="center" vertical="center"/>
    </xf>
    <xf numFmtId="0" fontId="0" fillId="0" borderId="6" xfId="0" applyBorder="1">
      <alignment vertical="center"/>
    </xf>
    <xf numFmtId="0" fontId="0" fillId="0" borderId="155" xfId="0" applyBorder="1">
      <alignment vertical="center"/>
    </xf>
    <xf numFmtId="0" fontId="7" fillId="0" borderId="146" xfId="0" applyFont="1" applyBorder="1" applyAlignment="1">
      <alignment horizontal="center" vertical="center"/>
    </xf>
    <xf numFmtId="0" fontId="7" fillId="0" borderId="147" xfId="0" applyFont="1" applyBorder="1" applyAlignment="1">
      <alignment horizontal="center" vertical="center"/>
    </xf>
    <xf numFmtId="0" fontId="7" fillId="0" borderId="4" xfId="0" applyFont="1" applyBorder="1" applyAlignment="1">
      <alignment horizontal="center" vertical="center"/>
    </xf>
    <xf numFmtId="0" fontId="7" fillId="0" borderId="152" xfId="0" applyFont="1" applyBorder="1" applyAlignment="1">
      <alignment horizontal="center" vertical="center"/>
    </xf>
    <xf numFmtId="0" fontId="7" fillId="0" borderId="85" xfId="0" applyFont="1" applyBorder="1" applyAlignment="1">
      <alignment horizontal="center" vertical="center"/>
    </xf>
    <xf numFmtId="0" fontId="7" fillId="0" borderId="153" xfId="0" applyFont="1" applyBorder="1" applyAlignment="1">
      <alignment horizontal="center" vertical="center"/>
    </xf>
    <xf numFmtId="0" fontId="7" fillId="0" borderId="15" xfId="0" applyFont="1" applyBorder="1" applyAlignment="1">
      <alignment horizontal="center" vertical="center"/>
    </xf>
    <xf numFmtId="0" fontId="7" fillId="0" borderId="5" xfId="0" applyFont="1" applyBorder="1" applyAlignment="1">
      <alignment horizontal="center" vertical="center"/>
    </xf>
    <xf numFmtId="0" fontId="7" fillId="0" borderId="86" xfId="0" applyFont="1" applyBorder="1" applyAlignment="1">
      <alignment horizontal="center" vertical="center"/>
    </xf>
    <xf numFmtId="0" fontId="7" fillId="0" borderId="87" xfId="0" applyFont="1" applyBorder="1" applyAlignment="1">
      <alignment horizontal="center" vertical="center"/>
    </xf>
    <xf numFmtId="0" fontId="7" fillId="0" borderId="8" xfId="0" applyFont="1" applyBorder="1" applyAlignment="1">
      <alignment vertical="center" wrapText="1"/>
    </xf>
    <xf numFmtId="0" fontId="7" fillId="0" borderId="9" xfId="0" applyFont="1" applyBorder="1" applyAlignment="1">
      <alignment vertical="center" wrapText="1"/>
    </xf>
    <xf numFmtId="0" fontId="0" fillId="0" borderId="9" xfId="0" applyBorder="1" applyAlignment="1">
      <alignment vertical="center" wrapText="1"/>
    </xf>
    <xf numFmtId="0" fontId="0" fillId="0" borderId="12" xfId="0" applyBorder="1" applyAlignment="1">
      <alignment vertical="center" wrapText="1"/>
    </xf>
    <xf numFmtId="0" fontId="7" fillId="0" borderId="12" xfId="0" applyFont="1" applyBorder="1" applyAlignment="1">
      <alignment vertical="center" wrapText="1"/>
    </xf>
    <xf numFmtId="0" fontId="1" fillId="0" borderId="1" xfId="0" applyFont="1" applyBorder="1" applyAlignment="1">
      <alignment vertical="top" wrapText="1"/>
    </xf>
    <xf numFmtId="0" fontId="1" fillId="0" borderId="13" xfId="0" applyFont="1" applyBorder="1" applyAlignment="1">
      <alignment vertical="top" wrapText="1"/>
    </xf>
    <xf numFmtId="0" fontId="1" fillId="0" borderId="2" xfId="0" applyFont="1" applyBorder="1" applyAlignment="1">
      <alignment vertical="top" wrapText="1"/>
    </xf>
    <xf numFmtId="0" fontId="1" fillId="0" borderId="10" xfId="0" applyFont="1" applyBorder="1" applyAlignment="1">
      <alignment vertical="top" wrapText="1"/>
    </xf>
    <xf numFmtId="0" fontId="1" fillId="0" borderId="0" xfId="0" applyFont="1" applyAlignment="1">
      <alignment vertical="top" wrapText="1"/>
    </xf>
    <xf numFmtId="0" fontId="1" fillId="0" borderId="11" xfId="0" applyFont="1" applyBorder="1" applyAlignment="1">
      <alignment vertical="top" wrapText="1"/>
    </xf>
    <xf numFmtId="0" fontId="1" fillId="0" borderId="6" xfId="0" applyFont="1" applyBorder="1" applyAlignment="1">
      <alignment vertical="top" wrapText="1"/>
    </xf>
    <xf numFmtId="0" fontId="1" fillId="0" borderId="14" xfId="0" applyFont="1" applyBorder="1" applyAlignment="1">
      <alignment vertical="top" wrapText="1"/>
    </xf>
    <xf numFmtId="0" fontId="1" fillId="0" borderId="7" xfId="0" applyFont="1" applyBorder="1" applyAlignment="1">
      <alignment vertical="top" wrapText="1"/>
    </xf>
    <xf numFmtId="0" fontId="7" fillId="0" borderId="10" xfId="0" applyFont="1" applyBorder="1" applyAlignment="1">
      <alignment vertical="top" wrapText="1"/>
    </xf>
    <xf numFmtId="0" fontId="7" fillId="0" borderId="0" xfId="0" applyFont="1" applyAlignment="1">
      <alignment vertical="top" wrapText="1"/>
    </xf>
    <xf numFmtId="0" fontId="7" fillId="0" borderId="11" xfId="0" applyFont="1" applyBorder="1" applyAlignment="1">
      <alignment vertical="top" wrapText="1"/>
    </xf>
    <xf numFmtId="0" fontId="7" fillId="0" borderId="6" xfId="0" applyFont="1" applyBorder="1" applyAlignment="1">
      <alignment vertical="top" wrapText="1"/>
    </xf>
    <xf numFmtId="0" fontId="7" fillId="0" borderId="7" xfId="0" applyFont="1" applyBorder="1" applyAlignment="1">
      <alignment vertical="top" wrapText="1"/>
    </xf>
    <xf numFmtId="0" fontId="7" fillId="0" borderId="3" xfId="0" applyFont="1" applyBorder="1" applyAlignment="1">
      <alignment vertical="center" wrapText="1"/>
    </xf>
    <xf numFmtId="0" fontId="6" fillId="0" borderId="4" xfId="0" applyFont="1" applyBorder="1" applyAlignment="1">
      <alignment horizontal="center" vertical="center" wrapText="1"/>
    </xf>
    <xf numFmtId="0" fontId="6" fillId="0" borderId="15" xfId="0" applyFont="1" applyBorder="1" applyAlignment="1">
      <alignment horizontal="center" vertical="center" wrapText="1"/>
    </xf>
    <xf numFmtId="0" fontId="6" fillId="0" borderId="5" xfId="0" applyFont="1" applyBorder="1" applyAlignment="1">
      <alignment horizontal="center" vertical="center" wrapText="1"/>
    </xf>
    <xf numFmtId="0" fontId="6" fillId="0" borderId="4" xfId="0" applyFont="1" applyBorder="1" applyAlignment="1">
      <alignment horizontal="center" vertical="center"/>
    </xf>
    <xf numFmtId="0" fontId="6" fillId="0" borderId="15" xfId="0" applyFont="1" applyBorder="1" applyAlignment="1">
      <alignment horizontal="center" vertical="center"/>
    </xf>
    <xf numFmtId="0" fontId="6" fillId="0" borderId="5" xfId="0" applyFont="1" applyBorder="1" applyAlignment="1">
      <alignment horizontal="center" vertical="center"/>
    </xf>
    <xf numFmtId="181" fontId="6" fillId="0" borderId="4" xfId="0" applyNumberFormat="1" applyFont="1" applyBorder="1" applyAlignment="1">
      <alignment horizontal="right" vertical="center"/>
    </xf>
    <xf numFmtId="181" fontId="6" fillId="0" borderId="15" xfId="0" applyNumberFormat="1" applyFont="1" applyBorder="1" applyAlignment="1">
      <alignment horizontal="right" vertical="center"/>
    </xf>
    <xf numFmtId="181" fontId="6" fillId="0" borderId="5" xfId="0" applyNumberFormat="1" applyFont="1" applyBorder="1" applyAlignment="1">
      <alignment horizontal="right" vertical="center"/>
    </xf>
    <xf numFmtId="0" fontId="7" fillId="0" borderId="3" xfId="0" applyFont="1" applyBorder="1">
      <alignment vertical="center"/>
    </xf>
    <xf numFmtId="0" fontId="7" fillId="0" borderId="1" xfId="0" applyFont="1" applyBorder="1" applyAlignment="1">
      <alignment horizontal="center" vertical="center"/>
    </xf>
    <xf numFmtId="0" fontId="7" fillId="0" borderId="6" xfId="0" applyFont="1" applyBorder="1" applyAlignment="1">
      <alignment horizontal="center" vertical="center"/>
    </xf>
    <xf numFmtId="0" fontId="7" fillId="0" borderId="1" xfId="0" applyFont="1" applyBorder="1" applyAlignment="1">
      <alignment vertical="center" wrapText="1"/>
    </xf>
    <xf numFmtId="0" fontId="7" fillId="0" borderId="13" xfId="0" applyFont="1" applyBorder="1" applyAlignment="1">
      <alignment vertical="center" wrapText="1"/>
    </xf>
    <xf numFmtId="0" fontId="7" fillId="0" borderId="2" xfId="0" applyFont="1" applyBorder="1" applyAlignment="1">
      <alignment vertical="center" wrapText="1"/>
    </xf>
    <xf numFmtId="0" fontId="7" fillId="0" borderId="6" xfId="0" applyFont="1" applyBorder="1" applyAlignment="1">
      <alignment vertical="center" wrapText="1"/>
    </xf>
    <xf numFmtId="0" fontId="7" fillId="0" borderId="14" xfId="0" applyFont="1" applyBorder="1" applyAlignment="1">
      <alignment vertical="center" wrapText="1"/>
    </xf>
    <xf numFmtId="0" fontId="7" fillId="0" borderId="7" xfId="0" applyFont="1" applyBorder="1" applyAlignment="1">
      <alignment vertical="center" wrapText="1"/>
    </xf>
    <xf numFmtId="0" fontId="7" fillId="0" borderId="4" xfId="0" applyFont="1" applyBorder="1">
      <alignment vertical="center"/>
    </xf>
    <xf numFmtId="0" fontId="7" fillId="0" borderId="15" xfId="0" applyFont="1" applyBorder="1">
      <alignment vertical="center"/>
    </xf>
    <xf numFmtId="0" fontId="7" fillId="0" borderId="5" xfId="0" applyFont="1" applyBorder="1">
      <alignment vertical="center"/>
    </xf>
    <xf numFmtId="0" fontId="7" fillId="0" borderId="3" xfId="0" applyFont="1" applyBorder="1" applyAlignment="1">
      <alignment vertical="top"/>
    </xf>
    <xf numFmtId="0" fontId="7" fillId="0" borderId="4" xfId="0" applyFont="1" applyBorder="1" applyAlignment="1">
      <alignment horizontal="distributed" vertical="center"/>
    </xf>
    <xf numFmtId="0" fontId="7" fillId="0" borderId="15" xfId="0" applyFont="1" applyBorder="1" applyAlignment="1">
      <alignment horizontal="distributed" vertical="center"/>
    </xf>
    <xf numFmtId="0" fontId="7" fillId="0" borderId="5" xfId="0" applyFont="1" applyBorder="1" applyAlignment="1">
      <alignment horizontal="distributed" vertical="center"/>
    </xf>
    <xf numFmtId="0" fontId="1" fillId="0" borderId="3" xfId="0" applyFont="1" applyBorder="1">
      <alignment vertical="center"/>
    </xf>
    <xf numFmtId="178" fontId="6" fillId="0" borderId="4" xfId="0" applyNumberFormat="1" applyFont="1" applyBorder="1" applyAlignment="1">
      <alignment horizontal="right" vertical="center"/>
    </xf>
    <xf numFmtId="178" fontId="6" fillId="0" borderId="15" xfId="0" applyNumberFormat="1" applyFont="1" applyBorder="1" applyAlignment="1">
      <alignment horizontal="right" vertical="center"/>
    </xf>
    <xf numFmtId="178" fontId="6" fillId="0" borderId="5" xfId="0" applyNumberFormat="1" applyFont="1" applyBorder="1" applyAlignment="1">
      <alignment horizontal="right" vertical="center"/>
    </xf>
    <xf numFmtId="177" fontId="6" fillId="0" borderId="4" xfId="0" applyNumberFormat="1" applyFont="1" applyBorder="1" applyAlignment="1">
      <alignment horizontal="right" vertical="center"/>
    </xf>
    <xf numFmtId="177" fontId="6" fillId="0" borderId="15" xfId="0" applyNumberFormat="1" applyFont="1" applyBorder="1" applyAlignment="1">
      <alignment horizontal="right" vertical="center"/>
    </xf>
    <xf numFmtId="177" fontId="6" fillId="0" borderId="5" xfId="0" applyNumberFormat="1" applyFont="1" applyBorder="1" applyAlignment="1">
      <alignment horizontal="right" vertical="center"/>
    </xf>
    <xf numFmtId="0" fontId="6" fillId="0" borderId="1" xfId="0" applyFont="1" applyBorder="1" applyAlignment="1">
      <alignment horizontal="center" vertical="center"/>
    </xf>
    <xf numFmtId="0" fontId="6" fillId="0" borderId="13" xfId="0" applyFont="1" applyBorder="1" applyAlignment="1">
      <alignment horizontal="center" vertical="center"/>
    </xf>
    <xf numFmtId="0" fontId="6" fillId="0" borderId="2" xfId="0" applyFont="1" applyBorder="1" applyAlignment="1">
      <alignment horizontal="center" vertical="center"/>
    </xf>
    <xf numFmtId="0" fontId="6" fillId="0" borderId="1" xfId="0" applyFont="1" applyBorder="1" applyAlignment="1">
      <alignment horizontal="center" vertical="center" textRotation="255"/>
    </xf>
    <xf numFmtId="0" fontId="6" fillId="0" borderId="2" xfId="0" applyFont="1" applyBorder="1" applyAlignment="1">
      <alignment horizontal="center" vertical="center" textRotation="255"/>
    </xf>
    <xf numFmtId="0" fontId="6" fillId="0" borderId="10" xfId="0" applyFont="1" applyBorder="1" applyAlignment="1">
      <alignment horizontal="center" vertical="center" textRotation="255"/>
    </xf>
    <xf numFmtId="0" fontId="6" fillId="0" borderId="11" xfId="0" applyFont="1" applyBorder="1" applyAlignment="1">
      <alignment horizontal="center" vertical="center" textRotation="255"/>
    </xf>
    <xf numFmtId="0" fontId="6" fillId="0" borderId="6" xfId="0" applyFont="1" applyBorder="1" applyAlignment="1">
      <alignment horizontal="center" vertical="center" textRotation="255"/>
    </xf>
    <xf numFmtId="0" fontId="6" fillId="0" borderId="7" xfId="0" applyFont="1" applyBorder="1" applyAlignment="1">
      <alignment horizontal="center" vertical="center" textRotation="255"/>
    </xf>
    <xf numFmtId="0" fontId="6" fillId="0" borderId="4" xfId="0" applyFont="1" applyBorder="1">
      <alignment vertical="center"/>
    </xf>
    <xf numFmtId="0" fontId="6" fillId="0" borderId="15" xfId="0" applyFont="1" applyBorder="1">
      <alignment vertical="center"/>
    </xf>
    <xf numFmtId="0" fontId="6" fillId="0" borderId="5" xfId="0" applyFont="1" applyBorder="1">
      <alignment vertical="center"/>
    </xf>
    <xf numFmtId="0" fontId="7" fillId="0" borderId="4" xfId="0" applyFont="1" applyBorder="1" applyAlignment="1">
      <alignment horizontal="center" vertical="center" wrapText="1"/>
    </xf>
    <xf numFmtId="0" fontId="7" fillId="0" borderId="15" xfId="0" applyFont="1" applyBorder="1" applyAlignment="1">
      <alignment horizontal="center" vertical="center" wrapText="1"/>
    </xf>
    <xf numFmtId="0" fontId="7" fillId="0" borderId="5" xfId="0" applyFont="1" applyBorder="1" applyAlignment="1">
      <alignment horizontal="center" vertical="center" wrapText="1"/>
    </xf>
    <xf numFmtId="0" fontId="11" fillId="0" borderId="4" xfId="0" applyFont="1" applyBorder="1" applyAlignment="1">
      <alignment horizontal="center" vertical="center"/>
    </xf>
    <xf numFmtId="0" fontId="11" fillId="0" borderId="15" xfId="0" applyFont="1" applyBorder="1" applyAlignment="1">
      <alignment horizontal="center" vertical="center"/>
    </xf>
    <xf numFmtId="0" fontId="11" fillId="0" borderId="5" xfId="0" applyFont="1" applyBorder="1" applyAlignment="1">
      <alignment horizontal="center" vertical="center"/>
    </xf>
    <xf numFmtId="0" fontId="7" fillId="0" borderId="3" xfId="0" applyFont="1" applyBorder="1" applyAlignment="1">
      <alignment horizontal="distributed" vertical="center" wrapText="1" indent="1"/>
    </xf>
    <xf numFmtId="0" fontId="7" fillId="0" borderId="3" xfId="0" applyFont="1" applyBorder="1" applyAlignment="1">
      <alignment vertical="center" shrinkToFit="1"/>
    </xf>
    <xf numFmtId="0" fontId="7" fillId="0" borderId="3" xfId="0" applyFont="1" applyBorder="1" applyAlignment="1">
      <alignment horizontal="right" vertical="center"/>
    </xf>
    <xf numFmtId="0" fontId="7" fillId="0" borderId="3" xfId="0" applyFont="1" applyBorder="1" applyAlignment="1">
      <alignment horizontal="distributed" vertical="center"/>
    </xf>
    <xf numFmtId="180" fontId="7" fillId="0" borderId="4" xfId="0" applyNumberFormat="1" applyFont="1" applyBorder="1" applyAlignment="1">
      <alignment horizontal="right" vertical="center"/>
    </xf>
    <xf numFmtId="180" fontId="7" fillId="0" borderId="15" xfId="0" applyNumberFormat="1" applyFont="1" applyBorder="1" applyAlignment="1">
      <alignment horizontal="right" vertical="center"/>
    </xf>
    <xf numFmtId="180" fontId="7" fillId="0" borderId="5" xfId="0" applyNumberFormat="1" applyFont="1" applyBorder="1" applyAlignment="1">
      <alignment horizontal="right" vertical="center"/>
    </xf>
    <xf numFmtId="0" fontId="7" fillId="0" borderId="10" xfId="0" applyFont="1" applyBorder="1" applyAlignment="1">
      <alignment horizontal="center" vertical="center"/>
    </xf>
    <xf numFmtId="0" fontId="7" fillId="0" borderId="1" xfId="0" applyFont="1" applyBorder="1" applyAlignment="1">
      <alignment horizontal="distributed" vertical="center" indent="1"/>
    </xf>
    <xf numFmtId="0" fontId="7" fillId="0" borderId="13" xfId="0" applyFont="1" applyBorder="1" applyAlignment="1">
      <alignment horizontal="distributed" vertical="center" indent="1"/>
    </xf>
    <xf numFmtId="0" fontId="7" fillId="0" borderId="2" xfId="0" applyFont="1" applyBorder="1" applyAlignment="1">
      <alignment horizontal="distributed" vertical="center" indent="1"/>
    </xf>
    <xf numFmtId="0" fontId="7" fillId="0" borderId="6" xfId="0" applyFont="1" applyBorder="1" applyAlignment="1">
      <alignment horizontal="distributed" vertical="center" indent="1"/>
    </xf>
    <xf numFmtId="0" fontId="7" fillId="0" borderId="14" xfId="0" applyFont="1" applyBorder="1" applyAlignment="1">
      <alignment horizontal="distributed" vertical="center" indent="1"/>
    </xf>
    <xf numFmtId="0" fontId="7" fillId="0" borderId="7" xfId="0" applyFont="1" applyBorder="1" applyAlignment="1">
      <alignment horizontal="distributed" vertical="center" indent="1"/>
    </xf>
    <xf numFmtId="0" fontId="7" fillId="0" borderId="1" xfId="0" applyFont="1" applyBorder="1" applyAlignment="1">
      <alignment horizontal="center" vertical="center" wrapText="1"/>
    </xf>
    <xf numFmtId="0" fontId="7" fillId="0" borderId="13" xfId="0" applyFont="1" applyBorder="1" applyAlignment="1">
      <alignment horizontal="center" vertical="center" wrapText="1"/>
    </xf>
    <xf numFmtId="0" fontId="7" fillId="0" borderId="6" xfId="0" applyFont="1" applyBorder="1" applyAlignment="1">
      <alignment horizontal="center" vertical="center" wrapText="1"/>
    </xf>
    <xf numFmtId="0" fontId="7" fillId="0" borderId="14" xfId="0" applyFont="1" applyBorder="1" applyAlignment="1">
      <alignment horizontal="center" vertical="center" wrapText="1"/>
    </xf>
    <xf numFmtId="0" fontId="23" fillId="0" borderId="3" xfId="0" applyFont="1" applyBorder="1">
      <alignment vertical="center"/>
    </xf>
    <xf numFmtId="0" fontId="6" fillId="0" borderId="3" xfId="0" applyFont="1" applyBorder="1" applyAlignment="1">
      <alignment vertical="top"/>
    </xf>
    <xf numFmtId="0" fontId="23" fillId="0" borderId="4" xfId="0" applyFont="1" applyBorder="1" applyAlignment="1">
      <alignment horizontal="center" vertical="center"/>
    </xf>
    <xf numFmtId="0" fontId="23" fillId="0" borderId="15" xfId="0" applyFont="1" applyBorder="1" applyAlignment="1">
      <alignment horizontal="center" vertical="center"/>
    </xf>
    <xf numFmtId="0" fontId="23" fillId="0" borderId="5" xfId="0" applyFont="1" applyBorder="1" applyAlignment="1">
      <alignment horizontal="center" vertical="center"/>
    </xf>
    <xf numFmtId="0" fontId="23" fillId="0" borderId="4" xfId="0" applyFont="1" applyBorder="1">
      <alignment vertical="center"/>
    </xf>
    <xf numFmtId="0" fontId="23" fillId="0" borderId="15" xfId="0" applyFont="1" applyBorder="1">
      <alignment vertical="center"/>
    </xf>
    <xf numFmtId="0" fontId="23" fillId="0" borderId="5" xfId="0" applyFont="1" applyBorder="1">
      <alignment vertical="center"/>
    </xf>
    <xf numFmtId="0" fontId="23" fillId="0" borderId="3" xfId="0" applyFont="1" applyBorder="1" applyAlignment="1">
      <alignment horizontal="center" vertical="center"/>
    </xf>
    <xf numFmtId="0" fontId="6" fillId="0" borderId="78" xfId="0" applyFont="1" applyBorder="1" applyAlignment="1">
      <alignment horizontal="center" vertical="center"/>
    </xf>
    <xf numFmtId="0" fontId="7" fillId="0" borderId="12" xfId="0" applyFont="1" applyBorder="1" applyAlignment="1">
      <alignment horizontal="center" vertical="center" wrapText="1"/>
    </xf>
    <xf numFmtId="177" fontId="7" fillId="0" borderId="3" xfId="0" applyNumberFormat="1" applyFont="1" applyBorder="1" applyAlignment="1">
      <alignment horizontal="right" vertical="center"/>
    </xf>
    <xf numFmtId="0" fontId="11" fillId="0" borderId="3" xfId="0" applyFont="1" applyBorder="1" applyAlignment="1">
      <alignment horizontal="right" vertical="center" shrinkToFit="1"/>
    </xf>
    <xf numFmtId="0" fontId="11" fillId="0" borderId="3" xfId="0" applyFont="1" applyBorder="1" applyAlignment="1">
      <alignment horizontal="center" vertical="center"/>
    </xf>
    <xf numFmtId="0" fontId="11" fillId="0" borderId="1" xfId="0" applyFont="1" applyBorder="1" applyAlignment="1">
      <alignment horizontal="center" vertical="center"/>
    </xf>
    <xf numFmtId="0" fontId="11" fillId="0" borderId="13" xfId="0" applyFont="1" applyBorder="1" applyAlignment="1">
      <alignment horizontal="center" vertical="center"/>
    </xf>
    <xf numFmtId="0" fontId="11" fillId="0" borderId="2" xfId="0" applyFont="1" applyBorder="1" applyAlignment="1">
      <alignment horizontal="center" vertical="center"/>
    </xf>
    <xf numFmtId="0" fontId="11" fillId="0" borderId="6" xfId="0" applyFont="1" applyBorder="1" applyAlignment="1">
      <alignment horizontal="center" vertical="center"/>
    </xf>
    <xf numFmtId="0" fontId="11" fillId="0" borderId="14" xfId="0" applyFont="1" applyBorder="1" applyAlignment="1">
      <alignment horizontal="center" vertical="center"/>
    </xf>
    <xf numFmtId="0" fontId="11" fillId="0" borderId="7" xfId="0" applyFont="1" applyBorder="1" applyAlignment="1">
      <alignment horizontal="center" vertical="center"/>
    </xf>
    <xf numFmtId="0" fontId="11" fillId="0" borderId="3" xfId="0" applyFont="1" applyBorder="1" applyAlignment="1">
      <alignment horizontal="center" vertical="center" shrinkToFit="1"/>
    </xf>
    <xf numFmtId="0" fontId="7" fillId="0" borderId="9" xfId="0" applyFont="1" applyBorder="1">
      <alignment vertical="center"/>
    </xf>
    <xf numFmtId="0" fontId="7" fillId="0" borderId="12" xfId="0" applyFont="1" applyBorder="1">
      <alignment vertical="center"/>
    </xf>
    <xf numFmtId="0" fontId="6" fillId="0" borderId="12" xfId="0" applyFont="1" applyBorder="1" applyAlignment="1">
      <alignment horizontal="center" vertical="center"/>
    </xf>
    <xf numFmtId="0" fontId="6" fillId="0" borderId="84" xfId="0" applyFont="1" applyBorder="1" applyAlignment="1">
      <alignment horizontal="center" vertical="center"/>
    </xf>
    <xf numFmtId="0" fontId="6" fillId="0" borderId="84" xfId="0" applyFont="1" applyBorder="1" applyAlignment="1">
      <alignment vertical="center" wrapText="1"/>
    </xf>
    <xf numFmtId="0" fontId="6" fillId="0" borderId="84" xfId="0" applyFont="1" applyBorder="1">
      <alignment vertical="center"/>
    </xf>
    <xf numFmtId="184" fontId="6" fillId="0" borderId="84" xfId="0" applyNumberFormat="1" applyFont="1" applyBorder="1" applyAlignment="1">
      <alignment horizontal="right" vertical="center"/>
    </xf>
    <xf numFmtId="0" fontId="6" fillId="0" borderId="79" xfId="0" applyFont="1" applyBorder="1" applyAlignment="1">
      <alignment vertical="center" wrapText="1"/>
    </xf>
    <xf numFmtId="0" fontId="6" fillId="0" borderId="79" xfId="0" applyFont="1" applyBorder="1">
      <alignment vertical="center"/>
    </xf>
    <xf numFmtId="184" fontId="6" fillId="0" borderId="79" xfId="0" applyNumberFormat="1" applyFont="1" applyBorder="1" applyAlignment="1">
      <alignment horizontal="right" vertical="center"/>
    </xf>
    <xf numFmtId="184" fontId="6" fillId="0" borderId="3" xfId="0" applyNumberFormat="1" applyFont="1" applyBorder="1" applyAlignment="1">
      <alignment horizontal="right" vertical="center"/>
    </xf>
    <xf numFmtId="0" fontId="6" fillId="0" borderId="3" xfId="0" applyFont="1" applyBorder="1" applyAlignment="1">
      <alignment vertical="center" wrapText="1"/>
    </xf>
    <xf numFmtId="0" fontId="6" fillId="0" borderId="3" xfId="0" applyFont="1" applyBorder="1">
      <alignment vertical="center"/>
    </xf>
    <xf numFmtId="184" fontId="6" fillId="0" borderId="12" xfId="0" applyNumberFormat="1" applyFont="1" applyBorder="1" applyAlignment="1">
      <alignment horizontal="right" vertical="center"/>
    </xf>
    <xf numFmtId="0" fontId="6" fillId="0" borderId="44" xfId="0" applyFont="1" applyBorder="1" applyAlignment="1">
      <alignment horizontal="center" vertical="center"/>
    </xf>
    <xf numFmtId="0" fontId="6" fillId="0" borderId="83" xfId="0" applyFont="1" applyBorder="1" applyAlignment="1">
      <alignment horizontal="center" vertical="center"/>
    </xf>
    <xf numFmtId="0" fontId="6" fillId="0" borderId="83" xfId="0" applyFont="1" applyBorder="1" applyAlignment="1">
      <alignment vertical="center" wrapText="1"/>
    </xf>
    <xf numFmtId="0" fontId="6" fillId="0" borderId="83" xfId="0" applyFont="1" applyBorder="1">
      <alignment vertical="center"/>
    </xf>
    <xf numFmtId="184" fontId="6" fillId="0" borderId="83" xfId="0" applyNumberFormat="1" applyFont="1" applyBorder="1" applyAlignment="1">
      <alignment horizontal="right" vertical="center"/>
    </xf>
    <xf numFmtId="184" fontId="6" fillId="0" borderId="44" xfId="0" applyNumberFormat="1" applyFont="1" applyBorder="1" applyAlignment="1">
      <alignment horizontal="right" vertical="center"/>
    </xf>
    <xf numFmtId="0" fontId="7" fillId="0" borderId="1" xfId="0" applyFont="1" applyBorder="1" applyAlignment="1">
      <alignment horizontal="right" vertical="center"/>
    </xf>
    <xf numFmtId="0" fontId="7" fillId="0" borderId="13" xfId="0" applyFont="1" applyBorder="1" applyAlignment="1">
      <alignment horizontal="right" vertical="center"/>
    </xf>
    <xf numFmtId="0" fontId="7" fillId="0" borderId="2" xfId="0" applyFont="1" applyBorder="1" applyAlignment="1">
      <alignment horizontal="right" vertical="center"/>
    </xf>
    <xf numFmtId="0" fontId="7" fillId="0" borderId="6" xfId="0" applyFont="1" applyBorder="1" applyAlignment="1">
      <alignment horizontal="right" vertical="center"/>
    </xf>
    <xf numFmtId="0" fontId="7" fillId="0" borderId="14" xfId="0" applyFont="1" applyBorder="1" applyAlignment="1">
      <alignment horizontal="right" vertical="center"/>
    </xf>
    <xf numFmtId="0" fontId="7" fillId="0" borderId="7" xfId="0" applyFont="1" applyBorder="1" applyAlignment="1">
      <alignment horizontal="right" vertical="center"/>
    </xf>
    <xf numFmtId="0" fontId="7" fillId="0" borderId="1" xfId="0" applyFont="1" applyBorder="1" applyAlignment="1">
      <alignment vertical="top"/>
    </xf>
    <xf numFmtId="0" fontId="7" fillId="0" borderId="13" xfId="0" applyFont="1" applyBorder="1" applyAlignment="1">
      <alignment vertical="top"/>
    </xf>
    <xf numFmtId="0" fontId="7" fillId="0" borderId="2" xfId="0" applyFont="1" applyBorder="1" applyAlignment="1">
      <alignment vertical="top"/>
    </xf>
    <xf numFmtId="0" fontId="7" fillId="0" borderId="6" xfId="0" applyFont="1" applyBorder="1" applyAlignment="1">
      <alignment vertical="top"/>
    </xf>
    <xf numFmtId="0" fontId="7" fillId="0" borderId="14" xfId="0" applyFont="1" applyBorder="1" applyAlignment="1">
      <alignment vertical="top"/>
    </xf>
    <xf numFmtId="0" fontId="7" fillId="0" borderId="7" xfId="0" applyFont="1" applyBorder="1" applyAlignment="1">
      <alignment vertical="top"/>
    </xf>
    <xf numFmtId="0" fontId="7" fillId="0" borderId="78" xfId="0" applyFont="1" applyBorder="1" applyAlignment="1">
      <alignment horizontal="center" vertical="center"/>
    </xf>
    <xf numFmtId="0" fontId="11" fillId="0" borderId="4" xfId="0" applyFont="1" applyBorder="1" applyAlignment="1">
      <alignment horizontal="right" vertical="center"/>
    </xf>
    <xf numFmtId="0" fontId="11" fillId="0" borderId="15" xfId="0" applyFont="1" applyBorder="1" applyAlignment="1">
      <alignment horizontal="right" vertical="center"/>
    </xf>
    <xf numFmtId="0" fontId="11" fillId="0" borderId="5" xfId="0" applyFont="1" applyBorder="1" applyAlignment="1">
      <alignment horizontal="right" vertical="center"/>
    </xf>
    <xf numFmtId="0" fontId="7" fillId="0" borderId="1" xfId="0" applyFont="1" applyBorder="1">
      <alignment vertical="center"/>
    </xf>
    <xf numFmtId="0" fontId="7" fillId="0" borderId="13" xfId="0" applyFont="1" applyBorder="1">
      <alignment vertical="center"/>
    </xf>
    <xf numFmtId="178" fontId="7" fillId="0" borderId="3" xfId="0" applyNumberFormat="1" applyFont="1" applyBorder="1" applyAlignment="1">
      <alignment horizontal="right" vertical="center"/>
    </xf>
    <xf numFmtId="0" fontId="0" fillId="0" borderId="3" xfId="0" applyBorder="1">
      <alignment vertical="center"/>
    </xf>
    <xf numFmtId="178" fontId="11" fillId="0" borderId="3" xfId="0" applyNumberFormat="1" applyFont="1" applyBorder="1" applyAlignment="1">
      <alignment horizontal="right" vertical="center"/>
    </xf>
    <xf numFmtId="0" fontId="7" fillId="0" borderId="10" xfId="0" applyFont="1" applyBorder="1" applyAlignment="1">
      <alignment vertical="top"/>
    </xf>
    <xf numFmtId="0" fontId="7" fillId="0" borderId="0" xfId="0" applyFont="1" applyAlignment="1">
      <alignment vertical="top"/>
    </xf>
    <xf numFmtId="178" fontId="6" fillId="0" borderId="3" xfId="0" applyNumberFormat="1" applyFont="1" applyBorder="1" applyAlignment="1">
      <alignment horizontal="center" vertical="center"/>
    </xf>
    <xf numFmtId="178" fontId="6" fillId="0" borderId="3" xfId="0" applyNumberFormat="1" applyFont="1" applyBorder="1">
      <alignment vertical="center"/>
    </xf>
    <xf numFmtId="178" fontId="23" fillId="0" borderId="15" xfId="0" applyNumberFormat="1" applyFont="1" applyBorder="1" applyAlignment="1">
      <alignment horizontal="center" vertical="center"/>
    </xf>
    <xf numFmtId="0" fontId="11" fillId="0" borderId="99" xfId="0" applyFont="1" applyBorder="1" applyAlignment="1">
      <alignment horizontal="center" vertical="center"/>
    </xf>
    <xf numFmtId="0" fontId="11" fillId="0" borderId="100" xfId="0" applyFont="1" applyBorder="1" applyAlignment="1">
      <alignment horizontal="center" vertical="center"/>
    </xf>
    <xf numFmtId="0" fontId="11" fillId="0" borderId="47" xfId="0" applyFont="1" applyBorder="1" applyAlignment="1">
      <alignment horizontal="center" vertical="center"/>
    </xf>
    <xf numFmtId="0" fontId="11" fillId="0" borderId="53" xfId="0" applyFont="1" applyBorder="1" applyAlignment="1">
      <alignment horizontal="center" vertical="center"/>
    </xf>
    <xf numFmtId="0" fontId="6" fillId="0" borderId="6" xfId="0" applyFont="1" applyBorder="1" applyAlignment="1">
      <alignment horizontal="center" vertical="center"/>
    </xf>
    <xf numFmtId="0" fontId="6" fillId="0" borderId="14" xfId="0" applyFont="1" applyBorder="1" applyAlignment="1">
      <alignment horizontal="center" vertical="center"/>
    </xf>
    <xf numFmtId="0" fontId="6" fillId="0" borderId="7" xfId="0" applyFont="1" applyBorder="1" applyAlignment="1">
      <alignment horizontal="center" vertical="center"/>
    </xf>
    <xf numFmtId="178" fontId="11" fillId="0" borderId="93" xfId="0" applyNumberFormat="1" applyFont="1" applyBorder="1" applyAlignment="1">
      <alignment horizontal="center" vertical="center"/>
    </xf>
    <xf numFmtId="178" fontId="11" fillId="0" borderId="90" xfId="0" applyNumberFormat="1" applyFont="1" applyBorder="1" applyAlignment="1">
      <alignment horizontal="center" vertical="center"/>
    </xf>
    <xf numFmtId="178" fontId="11" fillId="0" borderId="91" xfId="0" applyNumberFormat="1" applyFont="1" applyBorder="1" applyAlignment="1">
      <alignment horizontal="center" vertical="center"/>
    </xf>
    <xf numFmtId="178" fontId="23" fillId="0" borderId="89" xfId="0" applyNumberFormat="1" applyFont="1" applyBorder="1" applyAlignment="1">
      <alignment horizontal="center" vertical="center"/>
    </xf>
    <xf numFmtId="178" fontId="23" fillId="0" borderId="90" xfId="0" applyNumberFormat="1" applyFont="1" applyBorder="1" applyAlignment="1">
      <alignment horizontal="center" vertical="center"/>
    </xf>
    <xf numFmtId="178" fontId="23" fillId="0" borderId="91" xfId="0" applyNumberFormat="1" applyFont="1" applyBorder="1" applyAlignment="1">
      <alignment horizontal="center" vertical="center"/>
    </xf>
    <xf numFmtId="0" fontId="11" fillId="0" borderId="88" xfId="0" applyFont="1" applyBorder="1" applyAlignment="1">
      <alignment horizontal="center" vertical="center" wrapText="1"/>
    </xf>
    <xf numFmtId="0" fontId="11" fillId="0" borderId="89" xfId="0" applyFont="1" applyBorder="1" applyAlignment="1">
      <alignment horizontal="center" vertical="center" wrapText="1"/>
    </xf>
    <xf numFmtId="178" fontId="11" fillId="3" borderId="6" xfId="0" applyNumberFormat="1" applyFont="1" applyFill="1" applyBorder="1" applyAlignment="1">
      <alignment horizontal="center" vertical="center"/>
    </xf>
    <xf numFmtId="0" fontId="11" fillId="3" borderId="14" xfId="0" applyFont="1" applyFill="1" applyBorder="1" applyAlignment="1">
      <alignment horizontal="center" vertical="center"/>
    </xf>
    <xf numFmtId="0" fontId="11" fillId="3" borderId="96" xfId="0" applyFont="1" applyFill="1" applyBorder="1" applyAlignment="1">
      <alignment horizontal="center" vertical="center"/>
    </xf>
    <xf numFmtId="0" fontId="11" fillId="0" borderId="38" xfId="0" applyFont="1" applyBorder="1" applyAlignment="1">
      <alignment horizontal="center" vertical="center"/>
    </xf>
    <xf numFmtId="0" fontId="22" fillId="0" borderId="39" xfId="0" applyFont="1" applyBorder="1" applyAlignment="1">
      <alignment horizontal="center" vertical="center"/>
    </xf>
    <xf numFmtId="0" fontId="22" fillId="0" borderId="41" xfId="0" applyFont="1" applyBorder="1" applyAlignment="1">
      <alignment horizontal="center" vertical="center"/>
    </xf>
    <xf numFmtId="0" fontId="22" fillId="0" borderId="3" xfId="0" applyFont="1" applyBorder="1" applyAlignment="1">
      <alignment horizontal="center" vertical="center"/>
    </xf>
    <xf numFmtId="0" fontId="11" fillId="0" borderId="79" xfId="0" applyFont="1" applyBorder="1">
      <alignment vertical="center"/>
    </xf>
    <xf numFmtId="0" fontId="22" fillId="0" borderId="79" xfId="0" applyFont="1" applyBorder="1">
      <alignment vertical="center"/>
    </xf>
    <xf numFmtId="0" fontId="22" fillId="0" borderId="80" xfId="0" applyFont="1" applyBorder="1">
      <alignment vertical="center"/>
    </xf>
    <xf numFmtId="0" fontId="11" fillId="0" borderId="39" xfId="0" applyFont="1" applyBorder="1" applyAlignment="1">
      <alignment horizontal="center" vertical="center"/>
    </xf>
    <xf numFmtId="0" fontId="11" fillId="0" borderId="40" xfId="0" applyFont="1" applyBorder="1" applyAlignment="1">
      <alignment horizontal="center" vertical="center"/>
    </xf>
    <xf numFmtId="0" fontId="11" fillId="0" borderId="42" xfId="0" applyFont="1" applyBorder="1" applyAlignment="1">
      <alignment horizontal="center" vertical="center"/>
    </xf>
    <xf numFmtId="179" fontId="24" fillId="0" borderId="6" xfId="0" applyNumberFormat="1" applyFont="1" applyBorder="1" applyAlignment="1">
      <alignment horizontal="center" vertical="center"/>
    </xf>
    <xf numFmtId="179" fontId="24" fillId="0" borderId="14" xfId="0" applyNumberFormat="1" applyFont="1" applyBorder="1" applyAlignment="1">
      <alignment horizontal="center" vertical="center"/>
    </xf>
    <xf numFmtId="179" fontId="24" fillId="0" borderId="7" xfId="0" applyNumberFormat="1" applyFont="1" applyBorder="1" applyAlignment="1">
      <alignment horizontal="center" vertical="center"/>
    </xf>
    <xf numFmtId="178" fontId="11" fillId="0" borderId="28" xfId="0" applyNumberFormat="1" applyFont="1" applyBorder="1" applyAlignment="1">
      <alignment horizontal="center" vertical="center"/>
    </xf>
    <xf numFmtId="0" fontId="1" fillId="4" borderId="4" xfId="0" applyFont="1" applyFill="1" applyBorder="1" applyAlignment="1">
      <alignment horizontal="center" vertical="center"/>
    </xf>
    <xf numFmtId="0" fontId="1" fillId="4" borderId="15" xfId="0" applyFont="1" applyFill="1" applyBorder="1" applyAlignment="1">
      <alignment horizontal="center" vertical="center"/>
    </xf>
    <xf numFmtId="0" fontId="1" fillId="4" borderId="5" xfId="0" applyFont="1" applyFill="1" applyBorder="1" applyAlignment="1">
      <alignment horizontal="center" vertical="center"/>
    </xf>
    <xf numFmtId="178" fontId="11" fillId="0" borderId="44" xfId="0" applyNumberFormat="1" applyFont="1" applyBorder="1" applyAlignment="1">
      <alignment horizontal="center" vertical="center"/>
    </xf>
    <xf numFmtId="183" fontId="11" fillId="0" borderId="53" xfId="0" applyNumberFormat="1" applyFont="1" applyBorder="1" applyAlignment="1">
      <alignment horizontal="center" vertical="center"/>
    </xf>
    <xf numFmtId="183" fontId="11" fillId="0" borderId="100" xfId="0" applyNumberFormat="1" applyFont="1" applyBorder="1" applyAlignment="1">
      <alignment horizontal="center" vertical="center"/>
    </xf>
    <xf numFmtId="183" fontId="11" fillId="0" borderId="101" xfId="0" applyNumberFormat="1" applyFont="1" applyBorder="1" applyAlignment="1">
      <alignment horizontal="center" vertical="center"/>
    </xf>
    <xf numFmtId="178" fontId="11" fillId="0" borderId="89" xfId="0" applyNumberFormat="1" applyFont="1" applyBorder="1" applyAlignment="1">
      <alignment horizontal="center" vertical="center"/>
    </xf>
    <xf numFmtId="178" fontId="11" fillId="0" borderId="94" xfId="0" applyNumberFormat="1" applyFont="1" applyBorder="1" applyAlignment="1">
      <alignment horizontal="center" vertical="center"/>
    </xf>
    <xf numFmtId="0" fontId="11" fillId="0" borderId="98" xfId="0" applyFont="1" applyBorder="1" applyAlignment="1">
      <alignment horizontal="center" vertical="center"/>
    </xf>
    <xf numFmtId="0" fontId="11" fillId="0" borderId="96" xfId="0" applyFont="1" applyBorder="1" applyAlignment="1">
      <alignment horizontal="center" vertical="center"/>
    </xf>
    <xf numFmtId="178" fontId="11" fillId="0" borderId="15" xfId="0" applyNumberFormat="1" applyFont="1" applyBorder="1" applyAlignment="1">
      <alignment horizontal="center" vertical="center"/>
    </xf>
    <xf numFmtId="0" fontId="23" fillId="0" borderId="51" xfId="0" applyFont="1" applyBorder="1" applyAlignment="1">
      <alignment horizontal="center" vertical="center"/>
    </xf>
    <xf numFmtId="0" fontId="23" fillId="0" borderId="92" xfId="0" applyFont="1" applyBorder="1" applyAlignment="1">
      <alignment horizontal="center" vertical="center"/>
    </xf>
    <xf numFmtId="0" fontId="23" fillId="0" borderId="49" xfId="0" applyFont="1" applyBorder="1" applyAlignment="1">
      <alignment horizontal="center" vertical="center"/>
    </xf>
    <xf numFmtId="0" fontId="23" fillId="0" borderId="6" xfId="0" applyFont="1" applyBorder="1" applyAlignment="1">
      <alignment horizontal="center" vertical="center"/>
    </xf>
    <xf numFmtId="0" fontId="23" fillId="0" borderId="14" xfId="0" applyFont="1" applyBorder="1" applyAlignment="1">
      <alignment horizontal="center" vertical="center"/>
    </xf>
    <xf numFmtId="0" fontId="23" fillId="0" borderId="7" xfId="0" applyFont="1" applyBorder="1" applyAlignment="1">
      <alignment horizontal="center" vertical="center"/>
    </xf>
    <xf numFmtId="0" fontId="11" fillId="3" borderId="6" xfId="0" applyFont="1" applyFill="1" applyBorder="1" applyAlignment="1">
      <alignment horizontal="center" vertical="center"/>
    </xf>
    <xf numFmtId="0" fontId="11" fillId="3" borderId="95" xfId="0" applyFont="1" applyFill="1" applyBorder="1" applyAlignment="1">
      <alignment horizontal="center" vertical="center"/>
    </xf>
    <xf numFmtId="0" fontId="11" fillId="3" borderId="7" xfId="0" applyFont="1" applyFill="1" applyBorder="1" applyAlignment="1">
      <alignment horizontal="center" vertical="center"/>
    </xf>
    <xf numFmtId="0" fontId="23" fillId="3" borderId="148" xfId="0" applyFont="1" applyFill="1" applyBorder="1" applyAlignment="1">
      <alignment horizontal="center" vertical="center"/>
    </xf>
    <xf numFmtId="0" fontId="23" fillId="3" borderId="149" xfId="0" applyFont="1" applyFill="1" applyBorder="1" applyAlignment="1">
      <alignment horizontal="center" vertical="center"/>
    </xf>
    <xf numFmtId="0" fontId="23" fillId="3" borderId="150" xfId="0" applyFont="1" applyFill="1" applyBorder="1" applyAlignment="1">
      <alignment horizontal="center" vertical="center"/>
    </xf>
    <xf numFmtId="0" fontId="23" fillId="0" borderId="52" xfId="0" applyFont="1" applyBorder="1" applyAlignment="1">
      <alignment horizontal="center" vertical="center"/>
    </xf>
    <xf numFmtId="0" fontId="23" fillId="0" borderId="151" xfId="0" applyFont="1" applyBorder="1" applyAlignment="1">
      <alignment horizontal="center" vertical="center"/>
    </xf>
    <xf numFmtId="0" fontId="0" fillId="0" borderId="151" xfId="0" applyBorder="1">
      <alignment vertical="center"/>
    </xf>
    <xf numFmtId="0" fontId="0" fillId="0" borderId="46" xfId="0" applyBorder="1">
      <alignment vertical="center"/>
    </xf>
    <xf numFmtId="0" fontId="0" fillId="0" borderId="15" xfId="0" applyBorder="1">
      <alignment vertical="center"/>
    </xf>
    <xf numFmtId="0" fontId="0" fillId="0" borderId="5" xfId="0" applyBorder="1">
      <alignment vertical="center"/>
    </xf>
    <xf numFmtId="178" fontId="23" fillId="0" borderId="1" xfId="0" applyNumberFormat="1" applyFont="1" applyBorder="1" applyAlignment="1">
      <alignment horizontal="center" vertical="center"/>
    </xf>
    <xf numFmtId="178" fontId="23" fillId="0" borderId="13" xfId="0" applyNumberFormat="1" applyFont="1" applyBorder="1" applyAlignment="1">
      <alignment horizontal="center" vertical="center"/>
    </xf>
    <xf numFmtId="178" fontId="23" fillId="0" borderId="2" xfId="0" applyNumberFormat="1" applyFont="1" applyBorder="1" applyAlignment="1">
      <alignment horizontal="center" vertical="center"/>
    </xf>
    <xf numFmtId="179" fontId="24" fillId="9" borderId="6" xfId="0" applyNumberFormat="1" applyFont="1" applyFill="1" applyBorder="1" applyAlignment="1" applyProtection="1">
      <alignment horizontal="center" vertical="center"/>
      <protection locked="0"/>
    </xf>
    <xf numFmtId="179" fontId="24" fillId="9" borderId="15" xfId="0" applyNumberFormat="1" applyFont="1" applyFill="1" applyBorder="1" applyAlignment="1" applyProtection="1">
      <alignment horizontal="center" vertical="center"/>
      <protection locked="0"/>
    </xf>
    <xf numFmtId="179" fontId="24" fillId="9" borderId="7" xfId="0" applyNumberFormat="1" applyFont="1" applyFill="1" applyBorder="1" applyAlignment="1" applyProtection="1">
      <alignment horizontal="center" vertical="center"/>
      <protection locked="0"/>
    </xf>
    <xf numFmtId="0" fontId="11" fillId="0" borderId="4" xfId="0" applyFont="1" applyBorder="1" applyAlignment="1">
      <alignment horizontal="center" vertical="center" wrapText="1"/>
    </xf>
    <xf numFmtId="0" fontId="7" fillId="0" borderId="4" xfId="0" applyFont="1" applyBorder="1" applyAlignment="1">
      <alignment horizontal="center" vertical="center" textRotation="255"/>
    </xf>
    <xf numFmtId="0" fontId="7" fillId="0" borderId="5" xfId="0" applyFont="1" applyBorder="1" applyAlignment="1">
      <alignment horizontal="center" vertical="center" textRotation="255"/>
    </xf>
    <xf numFmtId="0" fontId="7" fillId="0" borderId="4" xfId="0" applyFont="1" applyBorder="1" applyAlignment="1">
      <alignment vertical="center" wrapText="1"/>
    </xf>
    <xf numFmtId="0" fontId="7" fillId="0" borderId="80" xfId="0" applyFont="1" applyBorder="1" applyAlignment="1">
      <alignment horizontal="center" vertical="center"/>
    </xf>
    <xf numFmtId="0" fontId="7" fillId="0" borderId="81" xfId="0" applyFont="1" applyBorder="1" applyAlignment="1">
      <alignment horizontal="center" vertical="center"/>
    </xf>
    <xf numFmtId="0" fontId="7" fillId="0" borderId="82" xfId="0" applyFont="1" applyBorder="1" applyAlignment="1">
      <alignment horizontal="center" vertical="center"/>
    </xf>
    <xf numFmtId="0" fontId="25" fillId="7" borderId="8" xfId="0" applyFont="1" applyFill="1" applyBorder="1" applyAlignment="1">
      <alignment horizontal="center" vertical="center" textRotation="255"/>
    </xf>
    <xf numFmtId="0" fontId="25" fillId="7" borderId="12" xfId="0" applyFont="1" applyFill="1" applyBorder="1" applyAlignment="1">
      <alignment horizontal="center" vertical="center" textRotation="255"/>
    </xf>
    <xf numFmtId="0" fontId="11" fillId="0" borderId="4" xfId="0" applyFont="1" applyBorder="1" applyAlignment="1">
      <alignment vertical="center" wrapText="1"/>
    </xf>
    <xf numFmtId="0" fontId="11" fillId="0" borderId="15" xfId="0" applyFont="1" applyBorder="1" applyAlignment="1">
      <alignment vertical="center" wrapText="1"/>
    </xf>
    <xf numFmtId="0" fontId="11" fillId="0" borderId="5" xfId="0" applyFont="1" applyBorder="1" applyAlignment="1">
      <alignment vertical="center" wrapText="1"/>
    </xf>
    <xf numFmtId="0" fontId="11" fillId="0" borderId="4" xfId="0" applyFont="1" applyBorder="1" applyAlignment="1">
      <alignment vertical="center" shrinkToFit="1"/>
    </xf>
    <xf numFmtId="0" fontId="11" fillId="0" borderId="15" xfId="0" applyFont="1" applyBorder="1" applyAlignment="1">
      <alignment vertical="center" shrinkToFit="1"/>
    </xf>
    <xf numFmtId="0" fontId="11" fillId="0" borderId="5" xfId="0" applyFont="1" applyBorder="1" applyAlignment="1">
      <alignment vertical="center" shrinkToFit="1"/>
    </xf>
    <xf numFmtId="0" fontId="11" fillId="0" borderId="3" xfId="0" applyFont="1" applyBorder="1" applyAlignment="1">
      <alignment horizontal="right" vertical="center" wrapText="1"/>
    </xf>
    <xf numFmtId="0" fontId="11" fillId="0" borderId="3" xfId="0" applyFont="1" applyBorder="1" applyAlignment="1">
      <alignment horizontal="right" vertical="center"/>
    </xf>
    <xf numFmtId="0" fontId="11" fillId="0" borderId="80" xfId="0" applyFont="1" applyBorder="1" applyAlignment="1">
      <alignment horizontal="center" vertical="center"/>
    </xf>
    <xf numFmtId="0" fontId="11" fillId="0" borderId="81" xfId="0" applyFont="1" applyBorder="1" applyAlignment="1">
      <alignment horizontal="center" vertical="center"/>
    </xf>
    <xf numFmtId="0" fontId="11" fillId="0" borderId="82" xfId="0" applyFont="1" applyBorder="1" applyAlignment="1">
      <alignment horizontal="center" vertical="center"/>
    </xf>
    <xf numFmtId="0" fontId="7" fillId="0" borderId="4" xfId="0" applyFont="1" applyBorder="1" applyAlignment="1">
      <alignment horizontal="right" vertical="center"/>
    </xf>
    <xf numFmtId="0" fontId="7" fillId="0" borderId="15" xfId="0" applyFont="1" applyBorder="1" applyAlignment="1">
      <alignment horizontal="right" vertical="center"/>
    </xf>
    <xf numFmtId="0" fontId="7" fillId="0" borderId="5" xfId="0" applyFont="1" applyBorder="1" applyAlignment="1">
      <alignment horizontal="right" vertical="center"/>
    </xf>
    <xf numFmtId="0" fontId="11" fillId="0" borderId="15" xfId="0" applyFont="1" applyBorder="1" applyAlignment="1">
      <alignment horizontal="center" vertical="center" wrapText="1"/>
    </xf>
    <xf numFmtId="0" fontId="11" fillId="0" borderId="5" xfId="0" applyFont="1" applyBorder="1" applyAlignment="1">
      <alignment horizontal="center" vertical="center" wrapText="1"/>
    </xf>
    <xf numFmtId="0" fontId="23" fillId="0" borderId="3" xfId="0" applyFont="1" applyBorder="1" applyAlignment="1">
      <alignment horizontal="center" vertical="center" wrapText="1"/>
    </xf>
    <xf numFmtId="0" fontId="1" fillId="0" borderId="85" xfId="0" applyFont="1" applyBorder="1" applyAlignment="1">
      <alignment horizontal="center" vertical="center"/>
    </xf>
    <xf numFmtId="0" fontId="1" fillId="0" borderId="86" xfId="0" applyFont="1" applyBorder="1" applyAlignment="1">
      <alignment horizontal="center" vertical="center"/>
    </xf>
    <xf numFmtId="0" fontId="1" fillId="0" borderId="87" xfId="0" applyFont="1" applyBorder="1" applyAlignment="1">
      <alignment horizontal="center" vertical="center"/>
    </xf>
    <xf numFmtId="0" fontId="1" fillId="0" borderId="10" xfId="0" applyFont="1" applyBorder="1" applyAlignment="1">
      <alignment horizontal="center" vertical="center" wrapText="1"/>
    </xf>
    <xf numFmtId="0" fontId="1" fillId="0" borderId="11" xfId="0" applyFont="1" applyBorder="1" applyAlignment="1">
      <alignment horizontal="center" vertical="center"/>
    </xf>
    <xf numFmtId="0" fontId="1" fillId="0" borderId="6" xfId="0" applyFont="1" applyBorder="1" applyAlignment="1">
      <alignment horizontal="center" vertical="center"/>
    </xf>
    <xf numFmtId="0" fontId="1" fillId="0" borderId="14" xfId="0" applyFont="1" applyBorder="1" applyAlignment="1">
      <alignment horizontal="center" vertical="center"/>
    </xf>
    <xf numFmtId="0" fontId="1" fillId="0" borderId="7" xfId="0" applyFont="1" applyBorder="1" applyAlignment="1">
      <alignment horizontal="center" vertical="center"/>
    </xf>
    <xf numFmtId="0" fontId="15" fillId="0" borderId="3" xfId="0" applyFont="1" applyBorder="1" applyAlignment="1">
      <alignment horizontal="center" vertical="center"/>
    </xf>
    <xf numFmtId="0" fontId="26" fillId="0" borderId="13" xfId="0" applyFont="1" applyBorder="1" applyAlignment="1">
      <alignment vertical="top" wrapText="1"/>
    </xf>
    <xf numFmtId="0" fontId="26" fillId="0" borderId="13" xfId="0" applyFont="1" applyBorder="1" applyAlignment="1">
      <alignment vertical="top"/>
    </xf>
    <xf numFmtId="0" fontId="26" fillId="0" borderId="2" xfId="0" applyFont="1" applyBorder="1" applyAlignment="1">
      <alignment vertical="top"/>
    </xf>
    <xf numFmtId="0" fontId="26" fillId="0" borderId="0" xfId="0" applyFont="1" applyAlignment="1">
      <alignment vertical="top"/>
    </xf>
    <xf numFmtId="0" fontId="26" fillId="0" borderId="11" xfId="0" applyFont="1" applyBorder="1" applyAlignment="1">
      <alignment vertical="top"/>
    </xf>
    <xf numFmtId="0" fontId="26" fillId="0" borderId="14" xfId="0" applyFont="1" applyBorder="1" applyAlignment="1">
      <alignment vertical="top"/>
    </xf>
    <xf numFmtId="0" fontId="26" fillId="0" borderId="7" xfId="0" applyFont="1" applyBorder="1" applyAlignment="1">
      <alignment vertical="top"/>
    </xf>
    <xf numFmtId="182" fontId="1" fillId="0" borderId="4" xfId="0" applyNumberFormat="1" applyFont="1" applyBorder="1" applyAlignment="1">
      <alignment horizontal="center" vertical="center"/>
    </xf>
    <xf numFmtId="182" fontId="1" fillId="0" borderId="15" xfId="0" applyNumberFormat="1" applyFont="1" applyBorder="1" applyAlignment="1">
      <alignment horizontal="center" vertical="center"/>
    </xf>
    <xf numFmtId="182" fontId="1" fillId="0" borderId="5" xfId="0" applyNumberFormat="1" applyFont="1" applyBorder="1" applyAlignment="1">
      <alignment horizontal="center" vertical="center"/>
    </xf>
    <xf numFmtId="0" fontId="1" fillId="0" borderId="1" xfId="0" applyFont="1" applyBorder="1" applyAlignment="1">
      <alignment horizontal="center" vertical="center"/>
    </xf>
    <xf numFmtId="0" fontId="1" fillId="0" borderId="13" xfId="0" applyFont="1" applyBorder="1" applyAlignment="1">
      <alignment horizontal="center" vertical="center"/>
    </xf>
    <xf numFmtId="0" fontId="1" fillId="0" borderId="2" xfId="0" applyFont="1" applyBorder="1" applyAlignment="1">
      <alignment horizontal="center" vertical="center"/>
    </xf>
  </cellXfs>
  <cellStyles count="1">
    <cellStyle name="標準" xfId="0" builtinId="0"/>
  </cellStyles>
  <dxfs count="8">
    <dxf>
      <fill>
        <patternFill>
          <bgColor rgb="FFFFFF00"/>
        </patternFill>
      </fill>
    </dxf>
    <dxf>
      <fill>
        <patternFill>
          <bgColor rgb="FFFF00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patternType="none">
          <bgColor auto="1"/>
        </patternFill>
      </fill>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customXml" Target="../customXml/item3.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 Id="rId14" Type="http://schemas.openxmlformats.org/officeDocument/2006/relationships/customXml" Target="../customXml/item2.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2.xml.rels><?xml version="1.0" encoding="UTF-8" standalone="yes"?>
<Relationships xmlns="http://schemas.openxmlformats.org/package/2006/relationships"><Relationship Id="rId13" Type="http://schemas.openxmlformats.org/officeDocument/2006/relationships/image" Target="../media/image13.emf"/><Relationship Id="rId18" Type="http://schemas.openxmlformats.org/officeDocument/2006/relationships/image" Target="../media/image18.emf"/><Relationship Id="rId26" Type="http://schemas.openxmlformats.org/officeDocument/2006/relationships/image" Target="../media/image26.emf"/><Relationship Id="rId39" Type="http://schemas.openxmlformats.org/officeDocument/2006/relationships/image" Target="../media/image36.emf"/><Relationship Id="rId21" Type="http://schemas.openxmlformats.org/officeDocument/2006/relationships/image" Target="../media/image21.emf"/><Relationship Id="rId34" Type="http://schemas.openxmlformats.org/officeDocument/2006/relationships/hyperlink" Target="#&#21508;&#31278;&#38917;&#30446;&#20837;&#21147;&#27396;&#8251;&#12371;&#12371;&#12395;&#20837;&#21147;&#12377;&#12427;&#12392;&#28857;&#26908;&#34920;&#12395;&#21453;&#26144;&#12373;&#12428;&#12414;&#12377;!C55"/><Relationship Id="rId42" Type="http://schemas.openxmlformats.org/officeDocument/2006/relationships/image" Target="../media/image39.emf"/><Relationship Id="rId47" Type="http://schemas.openxmlformats.org/officeDocument/2006/relationships/image" Target="../media/image44.emf"/><Relationship Id="rId50" Type="http://schemas.openxmlformats.org/officeDocument/2006/relationships/image" Target="../media/image47.emf"/><Relationship Id="rId55" Type="http://schemas.openxmlformats.org/officeDocument/2006/relationships/image" Target="../media/image52.emf"/><Relationship Id="rId7" Type="http://schemas.openxmlformats.org/officeDocument/2006/relationships/image" Target="../media/image7.emf"/><Relationship Id="rId12" Type="http://schemas.openxmlformats.org/officeDocument/2006/relationships/image" Target="../media/image12.emf"/><Relationship Id="rId17" Type="http://schemas.openxmlformats.org/officeDocument/2006/relationships/image" Target="../media/image17.emf"/><Relationship Id="rId25" Type="http://schemas.openxmlformats.org/officeDocument/2006/relationships/image" Target="../media/image25.emf"/><Relationship Id="rId33" Type="http://schemas.openxmlformats.org/officeDocument/2006/relationships/image" Target="../media/image33.emf"/><Relationship Id="rId38" Type="http://schemas.openxmlformats.org/officeDocument/2006/relationships/hyperlink" Target="#&#33258;&#20027;&#28857;&#26908;&#34920;!C101"/><Relationship Id="rId46" Type="http://schemas.openxmlformats.org/officeDocument/2006/relationships/image" Target="../media/image43.emf"/><Relationship Id="rId59" Type="http://schemas.openxmlformats.org/officeDocument/2006/relationships/image" Target="../media/image56.emf"/><Relationship Id="rId2" Type="http://schemas.openxmlformats.org/officeDocument/2006/relationships/image" Target="../media/image2.emf"/><Relationship Id="rId16" Type="http://schemas.openxmlformats.org/officeDocument/2006/relationships/image" Target="../media/image16.emf"/><Relationship Id="rId20" Type="http://schemas.openxmlformats.org/officeDocument/2006/relationships/image" Target="../media/image20.emf"/><Relationship Id="rId29" Type="http://schemas.openxmlformats.org/officeDocument/2006/relationships/image" Target="../media/image29.emf"/><Relationship Id="rId41" Type="http://schemas.openxmlformats.org/officeDocument/2006/relationships/image" Target="../media/image38.emf"/><Relationship Id="rId54" Type="http://schemas.openxmlformats.org/officeDocument/2006/relationships/image" Target="../media/image51.emf"/><Relationship Id="rId1" Type="http://schemas.openxmlformats.org/officeDocument/2006/relationships/image" Target="../media/image1.emf"/><Relationship Id="rId6" Type="http://schemas.openxmlformats.org/officeDocument/2006/relationships/image" Target="../media/image6.emf"/><Relationship Id="rId11" Type="http://schemas.openxmlformats.org/officeDocument/2006/relationships/image" Target="../media/image11.emf"/><Relationship Id="rId24" Type="http://schemas.openxmlformats.org/officeDocument/2006/relationships/image" Target="../media/image24.emf"/><Relationship Id="rId32" Type="http://schemas.openxmlformats.org/officeDocument/2006/relationships/image" Target="../media/image32.emf"/><Relationship Id="rId37" Type="http://schemas.openxmlformats.org/officeDocument/2006/relationships/hyperlink" Target="#&#21508;&#31278;&#38917;&#30446;&#20837;&#21147;&#27396;&#8251;&#12371;&#12371;&#12395;&#20837;&#21147;&#12377;&#12427;&#12392;&#28857;&#26908;&#34920;&#12395;&#21453;&#26144;&#12373;&#12428;&#12414;&#12377;!C94"/><Relationship Id="rId40" Type="http://schemas.openxmlformats.org/officeDocument/2006/relationships/image" Target="../media/image37.emf"/><Relationship Id="rId45" Type="http://schemas.openxmlformats.org/officeDocument/2006/relationships/image" Target="../media/image42.emf"/><Relationship Id="rId53" Type="http://schemas.openxmlformats.org/officeDocument/2006/relationships/image" Target="../media/image50.emf"/><Relationship Id="rId58" Type="http://schemas.openxmlformats.org/officeDocument/2006/relationships/image" Target="../media/image55.emf"/><Relationship Id="rId5" Type="http://schemas.openxmlformats.org/officeDocument/2006/relationships/image" Target="../media/image5.emf"/><Relationship Id="rId15" Type="http://schemas.openxmlformats.org/officeDocument/2006/relationships/image" Target="../media/image15.emf"/><Relationship Id="rId23" Type="http://schemas.openxmlformats.org/officeDocument/2006/relationships/image" Target="../media/image23.emf"/><Relationship Id="rId28" Type="http://schemas.openxmlformats.org/officeDocument/2006/relationships/image" Target="../media/image28.emf"/><Relationship Id="rId36" Type="http://schemas.openxmlformats.org/officeDocument/2006/relationships/image" Target="../media/image35.emf"/><Relationship Id="rId49" Type="http://schemas.openxmlformats.org/officeDocument/2006/relationships/image" Target="../media/image46.emf"/><Relationship Id="rId57" Type="http://schemas.openxmlformats.org/officeDocument/2006/relationships/image" Target="../media/image54.emf"/><Relationship Id="rId10" Type="http://schemas.openxmlformats.org/officeDocument/2006/relationships/image" Target="../media/image10.emf"/><Relationship Id="rId19" Type="http://schemas.openxmlformats.org/officeDocument/2006/relationships/image" Target="../media/image19.emf"/><Relationship Id="rId31" Type="http://schemas.openxmlformats.org/officeDocument/2006/relationships/image" Target="../media/image31.emf"/><Relationship Id="rId44" Type="http://schemas.openxmlformats.org/officeDocument/2006/relationships/image" Target="../media/image41.emf"/><Relationship Id="rId52" Type="http://schemas.openxmlformats.org/officeDocument/2006/relationships/image" Target="../media/image49.emf"/><Relationship Id="rId4" Type="http://schemas.openxmlformats.org/officeDocument/2006/relationships/image" Target="../media/image4.emf"/><Relationship Id="rId9" Type="http://schemas.openxmlformats.org/officeDocument/2006/relationships/image" Target="../media/image9.emf"/><Relationship Id="rId14" Type="http://schemas.openxmlformats.org/officeDocument/2006/relationships/image" Target="../media/image14.emf"/><Relationship Id="rId22" Type="http://schemas.openxmlformats.org/officeDocument/2006/relationships/image" Target="../media/image22.emf"/><Relationship Id="rId27" Type="http://schemas.openxmlformats.org/officeDocument/2006/relationships/image" Target="../media/image27.emf"/><Relationship Id="rId30" Type="http://schemas.openxmlformats.org/officeDocument/2006/relationships/image" Target="../media/image30.emf"/><Relationship Id="rId35" Type="http://schemas.openxmlformats.org/officeDocument/2006/relationships/image" Target="../media/image34.emf"/><Relationship Id="rId43" Type="http://schemas.openxmlformats.org/officeDocument/2006/relationships/image" Target="../media/image40.emf"/><Relationship Id="rId48" Type="http://schemas.openxmlformats.org/officeDocument/2006/relationships/image" Target="../media/image45.emf"/><Relationship Id="rId56" Type="http://schemas.openxmlformats.org/officeDocument/2006/relationships/image" Target="../media/image53.emf"/><Relationship Id="rId8" Type="http://schemas.openxmlformats.org/officeDocument/2006/relationships/image" Target="../media/image8.emf"/><Relationship Id="rId51" Type="http://schemas.openxmlformats.org/officeDocument/2006/relationships/image" Target="../media/image48.emf"/><Relationship Id="rId3" Type="http://schemas.openxmlformats.org/officeDocument/2006/relationships/image" Target="../media/image3.emf"/></Relationships>
</file>

<file path=xl/drawings/_rels/vmlDrawing1.vml.rels><?xml version="1.0" encoding="UTF-8" standalone="yes"?>
<Relationships xmlns="http://schemas.openxmlformats.org/package/2006/relationships"><Relationship Id="rId13" Type="http://schemas.openxmlformats.org/officeDocument/2006/relationships/image" Target="../media/image69.emf"/><Relationship Id="rId18" Type="http://schemas.openxmlformats.org/officeDocument/2006/relationships/image" Target="../media/image74.emf"/><Relationship Id="rId26" Type="http://schemas.openxmlformats.org/officeDocument/2006/relationships/image" Target="../media/image82.emf"/><Relationship Id="rId39" Type="http://schemas.openxmlformats.org/officeDocument/2006/relationships/image" Target="../media/image95.emf"/><Relationship Id="rId21" Type="http://schemas.openxmlformats.org/officeDocument/2006/relationships/image" Target="../media/image77.emf"/><Relationship Id="rId34" Type="http://schemas.openxmlformats.org/officeDocument/2006/relationships/image" Target="../media/image90.emf"/><Relationship Id="rId42" Type="http://schemas.openxmlformats.org/officeDocument/2006/relationships/image" Target="../media/image98.emf"/><Relationship Id="rId47" Type="http://schemas.openxmlformats.org/officeDocument/2006/relationships/image" Target="../media/image103.emf"/><Relationship Id="rId50" Type="http://schemas.openxmlformats.org/officeDocument/2006/relationships/image" Target="../media/image106.emf"/><Relationship Id="rId55" Type="http://schemas.openxmlformats.org/officeDocument/2006/relationships/image" Target="../media/image111.emf"/><Relationship Id="rId7" Type="http://schemas.openxmlformats.org/officeDocument/2006/relationships/image" Target="../media/image63.emf"/><Relationship Id="rId12" Type="http://schemas.openxmlformats.org/officeDocument/2006/relationships/image" Target="../media/image68.emf"/><Relationship Id="rId17" Type="http://schemas.openxmlformats.org/officeDocument/2006/relationships/image" Target="../media/image73.emf"/><Relationship Id="rId25" Type="http://schemas.openxmlformats.org/officeDocument/2006/relationships/image" Target="../media/image81.emf"/><Relationship Id="rId33" Type="http://schemas.openxmlformats.org/officeDocument/2006/relationships/image" Target="../media/image89.emf"/><Relationship Id="rId38" Type="http://schemas.openxmlformats.org/officeDocument/2006/relationships/image" Target="../media/image94.emf"/><Relationship Id="rId46" Type="http://schemas.openxmlformats.org/officeDocument/2006/relationships/image" Target="../media/image102.emf"/><Relationship Id="rId2" Type="http://schemas.openxmlformats.org/officeDocument/2006/relationships/image" Target="../media/image58.emf"/><Relationship Id="rId16" Type="http://schemas.openxmlformats.org/officeDocument/2006/relationships/image" Target="../media/image72.emf"/><Relationship Id="rId20" Type="http://schemas.openxmlformats.org/officeDocument/2006/relationships/image" Target="../media/image76.emf"/><Relationship Id="rId29" Type="http://schemas.openxmlformats.org/officeDocument/2006/relationships/image" Target="../media/image85.emf"/><Relationship Id="rId41" Type="http://schemas.openxmlformats.org/officeDocument/2006/relationships/image" Target="../media/image97.emf"/><Relationship Id="rId54" Type="http://schemas.openxmlformats.org/officeDocument/2006/relationships/image" Target="../media/image110.emf"/><Relationship Id="rId1" Type="http://schemas.openxmlformats.org/officeDocument/2006/relationships/image" Target="../media/image57.emf"/><Relationship Id="rId6" Type="http://schemas.openxmlformats.org/officeDocument/2006/relationships/image" Target="../media/image62.emf"/><Relationship Id="rId11" Type="http://schemas.openxmlformats.org/officeDocument/2006/relationships/image" Target="../media/image67.emf"/><Relationship Id="rId24" Type="http://schemas.openxmlformats.org/officeDocument/2006/relationships/image" Target="../media/image80.emf"/><Relationship Id="rId32" Type="http://schemas.openxmlformats.org/officeDocument/2006/relationships/image" Target="../media/image88.emf"/><Relationship Id="rId37" Type="http://schemas.openxmlformats.org/officeDocument/2006/relationships/image" Target="../media/image93.emf"/><Relationship Id="rId40" Type="http://schemas.openxmlformats.org/officeDocument/2006/relationships/image" Target="../media/image96.emf"/><Relationship Id="rId45" Type="http://schemas.openxmlformats.org/officeDocument/2006/relationships/image" Target="../media/image101.emf"/><Relationship Id="rId53" Type="http://schemas.openxmlformats.org/officeDocument/2006/relationships/image" Target="../media/image109.emf"/><Relationship Id="rId5" Type="http://schemas.openxmlformats.org/officeDocument/2006/relationships/image" Target="../media/image61.emf"/><Relationship Id="rId15" Type="http://schemas.openxmlformats.org/officeDocument/2006/relationships/image" Target="../media/image71.emf"/><Relationship Id="rId23" Type="http://schemas.openxmlformats.org/officeDocument/2006/relationships/image" Target="../media/image79.emf"/><Relationship Id="rId28" Type="http://schemas.openxmlformats.org/officeDocument/2006/relationships/image" Target="../media/image84.emf"/><Relationship Id="rId36" Type="http://schemas.openxmlformats.org/officeDocument/2006/relationships/image" Target="../media/image92.emf"/><Relationship Id="rId49" Type="http://schemas.openxmlformats.org/officeDocument/2006/relationships/image" Target="../media/image105.emf"/><Relationship Id="rId10" Type="http://schemas.openxmlformats.org/officeDocument/2006/relationships/image" Target="../media/image66.emf"/><Relationship Id="rId19" Type="http://schemas.openxmlformats.org/officeDocument/2006/relationships/image" Target="../media/image75.emf"/><Relationship Id="rId31" Type="http://schemas.openxmlformats.org/officeDocument/2006/relationships/image" Target="../media/image87.emf"/><Relationship Id="rId44" Type="http://schemas.openxmlformats.org/officeDocument/2006/relationships/image" Target="../media/image100.emf"/><Relationship Id="rId52" Type="http://schemas.openxmlformats.org/officeDocument/2006/relationships/image" Target="../media/image108.emf"/><Relationship Id="rId4" Type="http://schemas.openxmlformats.org/officeDocument/2006/relationships/image" Target="../media/image60.emf"/><Relationship Id="rId9" Type="http://schemas.openxmlformats.org/officeDocument/2006/relationships/image" Target="../media/image65.emf"/><Relationship Id="rId14" Type="http://schemas.openxmlformats.org/officeDocument/2006/relationships/image" Target="../media/image70.emf"/><Relationship Id="rId22" Type="http://schemas.openxmlformats.org/officeDocument/2006/relationships/image" Target="../media/image78.emf"/><Relationship Id="rId27" Type="http://schemas.openxmlformats.org/officeDocument/2006/relationships/image" Target="../media/image83.emf"/><Relationship Id="rId30" Type="http://schemas.openxmlformats.org/officeDocument/2006/relationships/image" Target="../media/image86.emf"/><Relationship Id="rId35" Type="http://schemas.openxmlformats.org/officeDocument/2006/relationships/image" Target="../media/image91.emf"/><Relationship Id="rId43" Type="http://schemas.openxmlformats.org/officeDocument/2006/relationships/image" Target="../media/image99.emf"/><Relationship Id="rId48" Type="http://schemas.openxmlformats.org/officeDocument/2006/relationships/image" Target="../media/image104.emf"/><Relationship Id="rId56" Type="http://schemas.openxmlformats.org/officeDocument/2006/relationships/image" Target="../media/image112.emf"/><Relationship Id="rId8" Type="http://schemas.openxmlformats.org/officeDocument/2006/relationships/image" Target="../media/image64.emf"/><Relationship Id="rId51" Type="http://schemas.openxmlformats.org/officeDocument/2006/relationships/image" Target="../media/image107.emf"/><Relationship Id="rId3" Type="http://schemas.openxmlformats.org/officeDocument/2006/relationships/image" Target="../media/image59.emf"/></Relationships>
</file>

<file path=xl/drawings/drawing1.xml><?xml version="1.0" encoding="utf-8"?>
<xdr:wsDr xmlns:xdr="http://schemas.openxmlformats.org/drawingml/2006/spreadsheetDrawing" xmlns:a="http://schemas.openxmlformats.org/drawingml/2006/main">
  <xdr:twoCellAnchor>
    <xdr:from>
      <xdr:col>45</xdr:col>
      <xdr:colOff>133350</xdr:colOff>
      <xdr:row>2</xdr:row>
      <xdr:rowOff>76200</xdr:rowOff>
    </xdr:from>
    <xdr:to>
      <xdr:col>45</xdr:col>
      <xdr:colOff>523875</xdr:colOff>
      <xdr:row>2</xdr:row>
      <xdr:rowOff>295275</xdr:rowOff>
    </xdr:to>
    <xdr:sp macro="" textlink="">
      <xdr:nvSpPr>
        <xdr:cNvPr id="2" name="楕円 1">
          <a:extLst>
            <a:ext uri="{FF2B5EF4-FFF2-40B4-BE49-F238E27FC236}">
              <a16:creationId xmlns:a16="http://schemas.microsoft.com/office/drawing/2014/main" id="{88364CF7-6226-3E9B-2802-4D0D72DE9955}"/>
            </a:ext>
          </a:extLst>
        </xdr:cNvPr>
        <xdr:cNvSpPr/>
      </xdr:nvSpPr>
      <xdr:spPr>
        <a:xfrm>
          <a:off x="13735050" y="457200"/>
          <a:ext cx="390525" cy="219075"/>
        </a:xfrm>
        <a:prstGeom prst="ellipse">
          <a:avLst/>
        </a:prstGeom>
        <a:noFill/>
        <a:ln>
          <a:solidFill>
            <a:schemeClr val="tx1"/>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361951</xdr:colOff>
      <xdr:row>12</xdr:row>
      <xdr:rowOff>66675</xdr:rowOff>
    </xdr:from>
    <xdr:to>
      <xdr:col>1</xdr:col>
      <xdr:colOff>4333875</xdr:colOff>
      <xdr:row>16</xdr:row>
      <xdr:rowOff>9525</xdr:rowOff>
    </xdr:to>
    <xdr:sp macro="" textlink="">
      <xdr:nvSpPr>
        <xdr:cNvPr id="2" name="テキスト ボックス 1">
          <a:extLst>
            <a:ext uri="{FF2B5EF4-FFF2-40B4-BE49-F238E27FC236}">
              <a16:creationId xmlns:a16="http://schemas.microsoft.com/office/drawing/2014/main" id="{F0828E4A-ACC2-F29A-6A41-B3D429D7CA67}"/>
            </a:ext>
          </a:extLst>
        </xdr:cNvPr>
        <xdr:cNvSpPr txBox="1"/>
      </xdr:nvSpPr>
      <xdr:spPr>
        <a:xfrm>
          <a:off x="1628776" y="2124075"/>
          <a:ext cx="3971924" cy="628650"/>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2800">
              <a:latin typeface="ＭＳ Ｐゴシック" panose="020B0600070205080204" pitchFamily="50" charset="-128"/>
              <a:ea typeface="ＭＳ Ｐゴシック" panose="020B0600070205080204" pitchFamily="50" charset="-128"/>
            </a:rPr>
            <a:t>自　  主　  点  　検　  表</a:t>
          </a:r>
          <a:endParaRPr kumimoji="1" lang="en-US" altLang="ja-JP" sz="2800">
            <a:latin typeface="ＭＳ Ｐゴシック" panose="020B0600070205080204" pitchFamily="50" charset="-128"/>
            <a:ea typeface="ＭＳ Ｐゴシック" panose="020B0600070205080204" pitchFamily="50" charset="-128"/>
          </a:endParaRPr>
        </a:p>
      </xdr:txBody>
    </xdr:sp>
    <xdr:clientData/>
  </xdr:twoCellAnchor>
  <mc:AlternateContent xmlns:mc="http://schemas.openxmlformats.org/markup-compatibility/2006">
    <mc:Choice xmlns:a14="http://schemas.microsoft.com/office/drawing/2010/main" Requires="a14">
      <xdr:twoCellAnchor editAs="oneCell">
        <xdr:from>
          <xdr:col>1</xdr:col>
          <xdr:colOff>190500</xdr:colOff>
          <xdr:row>116</xdr:row>
          <xdr:rowOff>523875</xdr:rowOff>
        </xdr:from>
        <xdr:to>
          <xdr:col>1</xdr:col>
          <xdr:colOff>4800600</xdr:colOff>
          <xdr:row>116</xdr:row>
          <xdr:rowOff>2819400</xdr:rowOff>
        </xdr:to>
        <xdr:pic>
          <xdr:nvPicPr>
            <xdr:cNvPr id="12" name="図 11">
              <a:extLst>
                <a:ext uri="{FF2B5EF4-FFF2-40B4-BE49-F238E27FC236}">
                  <a16:creationId xmlns:a16="http://schemas.microsoft.com/office/drawing/2014/main" id="{F90D8C2F-DC23-4D46-7FF4-11F0D34654EC}"/>
                </a:ext>
              </a:extLst>
            </xdr:cNvPr>
            <xdr:cNvPicPr>
              <a:picLocks noChangeAspect="1" noChangeArrowheads="1"/>
              <a:extLst>
                <a:ext uri="{84589F7E-364E-4C9E-8A38-B11213B215E9}">
                  <a14:cameraTool cellRange="各種項目入力欄※ここに入力すると点検表に反映されます!$C$81:$Y$90" spid="_x0000_s154266"/>
                </a:ext>
              </a:extLst>
            </xdr:cNvPicPr>
          </xdr:nvPicPr>
          <xdr:blipFill>
            <a:blip xmlns:r="http://schemas.openxmlformats.org/officeDocument/2006/relationships" r:embed="rId1"/>
            <a:srcRect/>
            <a:stretch>
              <a:fillRect/>
            </a:stretch>
          </xdr:blipFill>
          <xdr:spPr bwMode="auto">
            <a:xfrm>
              <a:off x="1152525" y="66351150"/>
              <a:ext cx="4610100" cy="22955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00025</xdr:colOff>
          <xdr:row>128</xdr:row>
          <xdr:rowOff>95250</xdr:rowOff>
        </xdr:from>
        <xdr:to>
          <xdr:col>1</xdr:col>
          <xdr:colOff>4810125</xdr:colOff>
          <xdr:row>128</xdr:row>
          <xdr:rowOff>1933575</xdr:rowOff>
        </xdr:to>
        <xdr:pic>
          <xdr:nvPicPr>
            <xdr:cNvPr id="15" name="図 14">
              <a:extLst>
                <a:ext uri="{FF2B5EF4-FFF2-40B4-BE49-F238E27FC236}">
                  <a16:creationId xmlns:a16="http://schemas.microsoft.com/office/drawing/2014/main" id="{26602DE2-7991-C8A3-BFB6-0265B235A103}"/>
                </a:ext>
              </a:extLst>
            </xdr:cNvPr>
            <xdr:cNvPicPr>
              <a:picLocks noChangeAspect="1" noChangeArrowheads="1"/>
              <a:extLst>
                <a:ext uri="{84589F7E-364E-4C9E-8A38-B11213B215E9}">
                  <a14:cameraTool cellRange="各種項目入力欄※ここに入力すると点検表に反映されます!$C$107:$Y$113" spid="_x0000_s154267"/>
                </a:ext>
              </a:extLst>
            </xdr:cNvPicPr>
          </xdr:nvPicPr>
          <xdr:blipFill>
            <a:blip xmlns:r="http://schemas.openxmlformats.org/officeDocument/2006/relationships" r:embed="rId2"/>
            <a:srcRect/>
            <a:stretch>
              <a:fillRect/>
            </a:stretch>
          </xdr:blipFill>
          <xdr:spPr bwMode="auto">
            <a:xfrm>
              <a:off x="1162050" y="81286350"/>
              <a:ext cx="4610100" cy="18383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34</xdr:row>
          <xdr:rowOff>47625</xdr:rowOff>
        </xdr:from>
        <xdr:to>
          <xdr:col>1</xdr:col>
          <xdr:colOff>4800600</xdr:colOff>
          <xdr:row>135</xdr:row>
          <xdr:rowOff>2800350</xdr:rowOff>
        </xdr:to>
        <xdr:pic>
          <xdr:nvPicPr>
            <xdr:cNvPr id="17" name="図 16">
              <a:extLst>
                <a:ext uri="{FF2B5EF4-FFF2-40B4-BE49-F238E27FC236}">
                  <a16:creationId xmlns:a16="http://schemas.microsoft.com/office/drawing/2014/main" id="{A99668F7-6FFD-640A-BE2F-D3E4303D0298}"/>
                </a:ext>
              </a:extLst>
            </xdr:cNvPr>
            <xdr:cNvPicPr>
              <a:picLocks noChangeAspect="1" noChangeArrowheads="1"/>
              <a:extLst>
                <a:ext uri="{84589F7E-364E-4C9E-8A38-B11213B215E9}">
                  <a14:cameraTool cellRange="各種項目入力欄※ここに入力すると点検表に反映されます!$C$126:$Y$141" spid="_x0000_s154268"/>
                </a:ext>
              </a:extLst>
            </xdr:cNvPicPr>
          </xdr:nvPicPr>
          <xdr:blipFill>
            <a:blip xmlns:r="http://schemas.openxmlformats.org/officeDocument/2006/relationships" r:embed="rId3"/>
            <a:srcRect/>
            <a:stretch>
              <a:fillRect/>
            </a:stretch>
          </xdr:blipFill>
          <xdr:spPr bwMode="auto">
            <a:xfrm>
              <a:off x="1152525" y="87344250"/>
              <a:ext cx="4610100" cy="61817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00025</xdr:colOff>
          <xdr:row>140</xdr:row>
          <xdr:rowOff>619125</xdr:rowOff>
        </xdr:from>
        <xdr:to>
          <xdr:col>1</xdr:col>
          <xdr:colOff>4610100</xdr:colOff>
          <xdr:row>140</xdr:row>
          <xdr:rowOff>1771650</xdr:rowOff>
        </xdr:to>
        <xdr:pic>
          <xdr:nvPicPr>
            <xdr:cNvPr id="23" name="図 22">
              <a:extLst>
                <a:ext uri="{FF2B5EF4-FFF2-40B4-BE49-F238E27FC236}">
                  <a16:creationId xmlns:a16="http://schemas.microsoft.com/office/drawing/2014/main" id="{395F47AB-1167-40F1-E32A-A493C46265F7}"/>
                </a:ext>
              </a:extLst>
            </xdr:cNvPr>
            <xdr:cNvPicPr>
              <a:picLocks noChangeAspect="1" noChangeArrowheads="1"/>
              <a:extLst>
                <a:ext uri="{84589F7E-364E-4C9E-8A38-B11213B215E9}">
                  <a14:cameraTool cellRange="各種項目入力欄※ここに入力すると点検表に反映されます!$C$145:$X$147" spid="_x0000_s154269"/>
                </a:ext>
              </a:extLst>
            </xdr:cNvPicPr>
          </xdr:nvPicPr>
          <xdr:blipFill>
            <a:blip xmlns:r="http://schemas.openxmlformats.org/officeDocument/2006/relationships" r:embed="rId4"/>
            <a:srcRect/>
            <a:stretch>
              <a:fillRect/>
            </a:stretch>
          </xdr:blipFill>
          <xdr:spPr bwMode="auto">
            <a:xfrm>
              <a:off x="1162050" y="97593150"/>
              <a:ext cx="4410075" cy="1152525"/>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xdr:col>
      <xdr:colOff>209550</xdr:colOff>
      <xdr:row>140</xdr:row>
      <xdr:rowOff>1943100</xdr:rowOff>
    </xdr:from>
    <xdr:to>
      <xdr:col>1</xdr:col>
      <xdr:colOff>3381375</xdr:colOff>
      <xdr:row>140</xdr:row>
      <xdr:rowOff>2200275</xdr:rowOff>
    </xdr:to>
    <xdr:sp macro="" textlink="">
      <xdr:nvSpPr>
        <xdr:cNvPr id="24" name="テキスト ボックス 23">
          <a:extLst>
            <a:ext uri="{FF2B5EF4-FFF2-40B4-BE49-F238E27FC236}">
              <a16:creationId xmlns:a16="http://schemas.microsoft.com/office/drawing/2014/main" id="{DCB0BF5E-6BAB-BA79-C95B-F62E9BF32E49}"/>
            </a:ext>
          </a:extLst>
        </xdr:cNvPr>
        <xdr:cNvSpPr txBox="1"/>
      </xdr:nvSpPr>
      <xdr:spPr>
        <a:xfrm>
          <a:off x="1171575" y="98917125"/>
          <a:ext cx="3171825" cy="2571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３１ページに給食の実施状況を記入すること。</a:t>
          </a:r>
        </a:p>
      </xdr:txBody>
    </xdr:sp>
    <xdr:clientData/>
  </xdr:twoCellAnchor>
  <mc:AlternateContent xmlns:mc="http://schemas.openxmlformats.org/markup-compatibility/2006">
    <mc:Choice xmlns:a14="http://schemas.microsoft.com/office/drawing/2010/main" Requires="a14">
      <xdr:twoCellAnchor editAs="oneCell">
        <xdr:from>
          <xdr:col>1</xdr:col>
          <xdr:colOff>180975</xdr:colOff>
          <xdr:row>142</xdr:row>
          <xdr:rowOff>581025</xdr:rowOff>
        </xdr:from>
        <xdr:to>
          <xdr:col>1</xdr:col>
          <xdr:colOff>4591050</xdr:colOff>
          <xdr:row>142</xdr:row>
          <xdr:rowOff>1962150</xdr:rowOff>
        </xdr:to>
        <xdr:pic>
          <xdr:nvPicPr>
            <xdr:cNvPr id="26" name="図 25">
              <a:extLst>
                <a:ext uri="{FF2B5EF4-FFF2-40B4-BE49-F238E27FC236}">
                  <a16:creationId xmlns:a16="http://schemas.microsoft.com/office/drawing/2014/main" id="{2A9B7A1D-C5FC-B517-C23D-7EAAAD1DBF64}"/>
                </a:ext>
              </a:extLst>
            </xdr:cNvPr>
            <xdr:cNvPicPr>
              <a:picLocks noChangeAspect="1" noChangeArrowheads="1"/>
              <a:extLst>
                <a:ext uri="{84589F7E-364E-4C9E-8A38-B11213B215E9}">
                  <a14:cameraTool cellRange="各種項目入力欄※ここに入力すると点検表に反映されます!$C$156:$X$159" spid="_x0000_s154270"/>
                </a:ext>
              </a:extLst>
            </xdr:cNvPicPr>
          </xdr:nvPicPr>
          <xdr:blipFill>
            <a:blip xmlns:r="http://schemas.openxmlformats.org/officeDocument/2006/relationships" r:embed="rId5"/>
            <a:srcRect/>
            <a:stretch>
              <a:fillRect/>
            </a:stretch>
          </xdr:blipFill>
          <xdr:spPr bwMode="auto">
            <a:xfrm>
              <a:off x="1143000" y="101250750"/>
              <a:ext cx="4410075" cy="13811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38125</xdr:colOff>
          <xdr:row>148</xdr:row>
          <xdr:rowOff>419100</xdr:rowOff>
        </xdr:from>
        <xdr:to>
          <xdr:col>1</xdr:col>
          <xdr:colOff>4648200</xdr:colOff>
          <xdr:row>148</xdr:row>
          <xdr:rowOff>1571625</xdr:rowOff>
        </xdr:to>
        <xdr:pic>
          <xdr:nvPicPr>
            <xdr:cNvPr id="30" name="図 29">
              <a:extLst>
                <a:ext uri="{FF2B5EF4-FFF2-40B4-BE49-F238E27FC236}">
                  <a16:creationId xmlns:a16="http://schemas.microsoft.com/office/drawing/2014/main" id="{A785752B-E1E5-7534-5F8B-ED7442F9DEAE}"/>
                </a:ext>
              </a:extLst>
            </xdr:cNvPr>
            <xdr:cNvPicPr>
              <a:picLocks noChangeAspect="1" noChangeArrowheads="1"/>
              <a:extLst>
                <a:ext uri="{84589F7E-364E-4C9E-8A38-B11213B215E9}">
                  <a14:cameraTool cellRange="各種項目入力欄※ここに入力すると点検表に反映されます!$C$166:$X$170" spid="_x0000_s154271"/>
                </a:ext>
              </a:extLst>
            </xdr:cNvPicPr>
          </xdr:nvPicPr>
          <xdr:blipFill>
            <a:blip xmlns:r="http://schemas.openxmlformats.org/officeDocument/2006/relationships" r:embed="rId6"/>
            <a:srcRect/>
            <a:stretch>
              <a:fillRect/>
            </a:stretch>
          </xdr:blipFill>
          <xdr:spPr bwMode="auto">
            <a:xfrm>
              <a:off x="1200150" y="111947325"/>
              <a:ext cx="4410075" cy="11525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0</xdr:colOff>
          <xdr:row>154</xdr:row>
          <xdr:rowOff>485775</xdr:rowOff>
        </xdr:from>
        <xdr:to>
          <xdr:col>1</xdr:col>
          <xdr:colOff>4695825</xdr:colOff>
          <xdr:row>154</xdr:row>
          <xdr:rowOff>1638300</xdr:rowOff>
        </xdr:to>
        <xdr:pic>
          <xdr:nvPicPr>
            <xdr:cNvPr id="32" name="図 31">
              <a:extLst>
                <a:ext uri="{FF2B5EF4-FFF2-40B4-BE49-F238E27FC236}">
                  <a16:creationId xmlns:a16="http://schemas.microsoft.com/office/drawing/2014/main" id="{93AFB034-12A2-FB0C-B3B5-188EE9EFD4ED}"/>
                </a:ext>
              </a:extLst>
            </xdr:cNvPr>
            <xdr:cNvPicPr>
              <a:picLocks noChangeAspect="1" noChangeArrowheads="1"/>
              <a:extLst>
                <a:ext uri="{84589F7E-364E-4C9E-8A38-B11213B215E9}">
                  <a14:cameraTool cellRange="各種項目入力欄※ここに入力すると点検表に反映されます!$C$179:$X$183" spid="_x0000_s154272"/>
                </a:ext>
              </a:extLst>
            </xdr:cNvPicPr>
          </xdr:nvPicPr>
          <xdr:blipFill>
            <a:blip xmlns:r="http://schemas.openxmlformats.org/officeDocument/2006/relationships" r:embed="rId7"/>
            <a:srcRect/>
            <a:stretch>
              <a:fillRect/>
            </a:stretch>
          </xdr:blipFill>
          <xdr:spPr bwMode="auto">
            <a:xfrm>
              <a:off x="1552575" y="120262650"/>
              <a:ext cx="4410075" cy="11525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28600</xdr:colOff>
          <xdr:row>159</xdr:row>
          <xdr:rowOff>266700</xdr:rowOff>
        </xdr:from>
        <xdr:to>
          <xdr:col>1</xdr:col>
          <xdr:colOff>3638550</xdr:colOff>
          <xdr:row>159</xdr:row>
          <xdr:rowOff>1190625</xdr:rowOff>
        </xdr:to>
        <xdr:pic>
          <xdr:nvPicPr>
            <xdr:cNvPr id="33" name="図 32">
              <a:extLst>
                <a:ext uri="{FF2B5EF4-FFF2-40B4-BE49-F238E27FC236}">
                  <a16:creationId xmlns:a16="http://schemas.microsoft.com/office/drawing/2014/main" id="{989331D7-3588-65CB-F4A2-6C0145D9E149}"/>
                </a:ext>
              </a:extLst>
            </xdr:cNvPr>
            <xdr:cNvPicPr>
              <a:picLocks noChangeAspect="1" noChangeArrowheads="1"/>
              <a:extLst>
                <a:ext uri="{84589F7E-364E-4C9E-8A38-B11213B215E9}">
                  <a14:cameraTool cellRange="各種項目入力欄※ここに入力すると点検表に反映されます!$C$186:$S$189" spid="_x0000_s154273"/>
                </a:ext>
              </a:extLst>
            </xdr:cNvPicPr>
          </xdr:nvPicPr>
          <xdr:blipFill>
            <a:blip xmlns:r="http://schemas.openxmlformats.org/officeDocument/2006/relationships" r:embed="rId8"/>
            <a:srcRect/>
            <a:stretch>
              <a:fillRect/>
            </a:stretch>
          </xdr:blipFill>
          <xdr:spPr bwMode="auto">
            <a:xfrm>
              <a:off x="1190625" y="124834650"/>
              <a:ext cx="340995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61</xdr:row>
          <xdr:rowOff>352425</xdr:rowOff>
        </xdr:from>
        <xdr:to>
          <xdr:col>1</xdr:col>
          <xdr:colOff>4000500</xdr:colOff>
          <xdr:row>161</xdr:row>
          <xdr:rowOff>1733550</xdr:rowOff>
        </xdr:to>
        <xdr:pic>
          <xdr:nvPicPr>
            <xdr:cNvPr id="34" name="図 33">
              <a:extLst>
                <a:ext uri="{FF2B5EF4-FFF2-40B4-BE49-F238E27FC236}">
                  <a16:creationId xmlns:a16="http://schemas.microsoft.com/office/drawing/2014/main" id="{F0DFB7E7-C42C-4654-6D1C-448BE61CB0D9}"/>
                </a:ext>
              </a:extLst>
            </xdr:cNvPr>
            <xdr:cNvPicPr>
              <a:picLocks noChangeAspect="1" noChangeArrowheads="1"/>
              <a:extLst>
                <a:ext uri="{84589F7E-364E-4C9E-8A38-B11213B215E9}">
                  <a14:cameraTool cellRange="各種項目入力欄※ここに入力すると点検表に反映されます!$C$192:$U$197" spid="_x0000_s154274"/>
                </a:ext>
              </a:extLst>
            </xdr:cNvPicPr>
          </xdr:nvPicPr>
          <xdr:blipFill>
            <a:blip xmlns:r="http://schemas.openxmlformats.org/officeDocument/2006/relationships" r:embed="rId9"/>
            <a:srcRect/>
            <a:stretch>
              <a:fillRect/>
            </a:stretch>
          </xdr:blipFill>
          <xdr:spPr bwMode="auto">
            <a:xfrm>
              <a:off x="1152525" y="128654175"/>
              <a:ext cx="3810000" cy="13811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71450</xdr:colOff>
          <xdr:row>162</xdr:row>
          <xdr:rowOff>466725</xdr:rowOff>
        </xdr:from>
        <xdr:to>
          <xdr:col>1</xdr:col>
          <xdr:colOff>4581525</xdr:colOff>
          <xdr:row>162</xdr:row>
          <xdr:rowOff>1095375</xdr:rowOff>
        </xdr:to>
        <xdr:pic>
          <xdr:nvPicPr>
            <xdr:cNvPr id="35" name="図 34">
              <a:extLst>
                <a:ext uri="{FF2B5EF4-FFF2-40B4-BE49-F238E27FC236}">
                  <a16:creationId xmlns:a16="http://schemas.microsoft.com/office/drawing/2014/main" id="{1A17760C-2396-00B3-5A7C-B698D7647F2D}"/>
                </a:ext>
              </a:extLst>
            </xdr:cNvPr>
            <xdr:cNvPicPr>
              <a:picLocks noChangeAspect="1" noChangeArrowheads="1"/>
              <a:extLst>
                <a:ext uri="{84589F7E-364E-4C9E-8A38-B11213B215E9}">
                  <a14:cameraTool cellRange="各種項目入力欄※ここに入力すると点検表に反映されます!$C$200:$X$201" spid="_x0000_s154275"/>
                </a:ext>
              </a:extLst>
            </xdr:cNvPicPr>
          </xdr:nvPicPr>
          <xdr:blipFill>
            <a:blip xmlns:r="http://schemas.openxmlformats.org/officeDocument/2006/relationships" r:embed="rId10"/>
            <a:srcRect/>
            <a:stretch>
              <a:fillRect/>
            </a:stretch>
          </xdr:blipFill>
          <xdr:spPr bwMode="auto">
            <a:xfrm>
              <a:off x="1133475" y="130902075"/>
              <a:ext cx="4410075" cy="628650"/>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xdr:col>
      <xdr:colOff>133350</xdr:colOff>
      <xdr:row>163</xdr:row>
      <xdr:rowOff>571500</xdr:rowOff>
    </xdr:from>
    <xdr:to>
      <xdr:col>1</xdr:col>
      <xdr:colOff>3305175</xdr:colOff>
      <xdr:row>163</xdr:row>
      <xdr:rowOff>828675</xdr:rowOff>
    </xdr:to>
    <xdr:sp macro="" textlink="">
      <xdr:nvSpPr>
        <xdr:cNvPr id="36" name="テキスト ボックス 35">
          <a:extLst>
            <a:ext uri="{FF2B5EF4-FFF2-40B4-BE49-F238E27FC236}">
              <a16:creationId xmlns:a16="http://schemas.microsoft.com/office/drawing/2014/main" id="{DB7331BE-3FC0-403D-8BF7-A7A3BD6F8D76}"/>
            </a:ext>
          </a:extLst>
        </xdr:cNvPr>
        <xdr:cNvSpPr txBox="1"/>
      </xdr:nvSpPr>
      <xdr:spPr>
        <a:xfrm>
          <a:off x="1095375" y="135597900"/>
          <a:ext cx="3171825" cy="2571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３０ページに検便の実施状況を記入すること。</a:t>
          </a:r>
        </a:p>
      </xdr:txBody>
    </xdr:sp>
    <xdr:clientData/>
  </xdr:twoCellAnchor>
  <mc:AlternateContent xmlns:mc="http://schemas.openxmlformats.org/markup-compatibility/2006">
    <mc:Choice xmlns:a14="http://schemas.microsoft.com/office/drawing/2010/main" Requires="a14">
      <xdr:twoCellAnchor editAs="oneCell">
        <xdr:from>
          <xdr:col>1</xdr:col>
          <xdr:colOff>247650</xdr:colOff>
          <xdr:row>176</xdr:row>
          <xdr:rowOff>228600</xdr:rowOff>
        </xdr:from>
        <xdr:to>
          <xdr:col>1</xdr:col>
          <xdr:colOff>4457700</xdr:colOff>
          <xdr:row>176</xdr:row>
          <xdr:rowOff>2371725</xdr:rowOff>
        </xdr:to>
        <xdr:pic>
          <xdr:nvPicPr>
            <xdr:cNvPr id="40" name="図 39">
              <a:extLst>
                <a:ext uri="{FF2B5EF4-FFF2-40B4-BE49-F238E27FC236}">
                  <a16:creationId xmlns:a16="http://schemas.microsoft.com/office/drawing/2014/main" id="{0BEC9EA2-3A0B-61C6-37F0-365C85B737AA}"/>
                </a:ext>
              </a:extLst>
            </xdr:cNvPr>
            <xdr:cNvPicPr>
              <a:picLocks noChangeAspect="1" noChangeArrowheads="1"/>
              <a:extLst>
                <a:ext uri="{84589F7E-364E-4C9E-8A38-B11213B215E9}">
                  <a14:cameraTool cellRange="各種項目入力欄※ここに入力すると点検表に反映されます!$C$238:$W$243" spid="_x0000_s154276"/>
                </a:ext>
              </a:extLst>
            </xdr:cNvPicPr>
          </xdr:nvPicPr>
          <xdr:blipFill>
            <a:blip xmlns:r="http://schemas.openxmlformats.org/officeDocument/2006/relationships" r:embed="rId11"/>
            <a:srcRect/>
            <a:stretch>
              <a:fillRect/>
            </a:stretch>
          </xdr:blipFill>
          <xdr:spPr bwMode="auto">
            <a:xfrm>
              <a:off x="1514475" y="151228425"/>
              <a:ext cx="4210050" cy="21431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09550</xdr:colOff>
          <xdr:row>178</xdr:row>
          <xdr:rowOff>238125</xdr:rowOff>
        </xdr:from>
        <xdr:to>
          <xdr:col>1</xdr:col>
          <xdr:colOff>4419600</xdr:colOff>
          <xdr:row>178</xdr:row>
          <xdr:rowOff>1257300</xdr:rowOff>
        </xdr:to>
        <xdr:pic>
          <xdr:nvPicPr>
            <xdr:cNvPr id="41" name="図 40">
              <a:extLst>
                <a:ext uri="{FF2B5EF4-FFF2-40B4-BE49-F238E27FC236}">
                  <a16:creationId xmlns:a16="http://schemas.microsoft.com/office/drawing/2014/main" id="{9D15323A-D51A-C7F6-933C-03DA68243B7A}"/>
                </a:ext>
              </a:extLst>
            </xdr:cNvPr>
            <xdr:cNvPicPr>
              <a:picLocks noChangeAspect="1" noChangeArrowheads="1"/>
              <a:extLst>
                <a:ext uri="{84589F7E-364E-4C9E-8A38-B11213B215E9}">
                  <a14:cameraTool cellRange="各種項目入力欄※ここに入力すると点検表に反映されます!$C$246" spid="_x0000_s154277"/>
                </a:ext>
              </a:extLst>
            </xdr:cNvPicPr>
          </xdr:nvPicPr>
          <xdr:blipFill>
            <a:blip xmlns:r="http://schemas.openxmlformats.org/officeDocument/2006/relationships" r:embed="rId12"/>
            <a:srcRect/>
            <a:stretch>
              <a:fillRect/>
            </a:stretch>
          </xdr:blipFill>
          <xdr:spPr bwMode="auto">
            <a:xfrm>
              <a:off x="1476375" y="155171775"/>
              <a:ext cx="4210050" cy="101917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71450</xdr:colOff>
          <xdr:row>184</xdr:row>
          <xdr:rowOff>590550</xdr:rowOff>
        </xdr:from>
        <xdr:to>
          <xdr:col>1</xdr:col>
          <xdr:colOff>4181475</xdr:colOff>
          <xdr:row>184</xdr:row>
          <xdr:rowOff>1000125</xdr:rowOff>
        </xdr:to>
        <xdr:pic>
          <xdr:nvPicPr>
            <xdr:cNvPr id="46" name="図 45">
              <a:extLst>
                <a:ext uri="{FF2B5EF4-FFF2-40B4-BE49-F238E27FC236}">
                  <a16:creationId xmlns:a16="http://schemas.microsoft.com/office/drawing/2014/main" id="{3777EF9D-7BB4-F834-E39C-CA7E8BE5D24A}"/>
                </a:ext>
              </a:extLst>
            </xdr:cNvPr>
            <xdr:cNvPicPr>
              <a:picLocks noChangeAspect="1" noChangeArrowheads="1"/>
              <a:extLst>
                <a:ext uri="{84589F7E-364E-4C9E-8A38-B11213B215E9}">
                  <a14:cameraTool cellRange="各種項目入力欄※ここに入力すると点検表に反映されます!$C$274:$V$275" spid="_x0000_s154278"/>
                </a:ext>
              </a:extLst>
            </xdr:cNvPicPr>
          </xdr:nvPicPr>
          <xdr:blipFill>
            <a:blip xmlns:r="http://schemas.openxmlformats.org/officeDocument/2006/relationships" r:embed="rId13"/>
            <a:srcRect/>
            <a:stretch>
              <a:fillRect/>
            </a:stretch>
          </xdr:blipFill>
          <xdr:spPr bwMode="auto">
            <a:xfrm>
              <a:off x="1438275" y="167735250"/>
              <a:ext cx="4010025" cy="409575"/>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xdr:col>
      <xdr:colOff>123825</xdr:colOff>
      <xdr:row>186</xdr:row>
      <xdr:rowOff>390525</xdr:rowOff>
    </xdr:from>
    <xdr:to>
      <xdr:col>1</xdr:col>
      <xdr:colOff>3295650</xdr:colOff>
      <xdr:row>186</xdr:row>
      <xdr:rowOff>647700</xdr:rowOff>
    </xdr:to>
    <xdr:sp macro="" textlink="">
      <xdr:nvSpPr>
        <xdr:cNvPr id="48" name="テキスト ボックス 47">
          <a:extLst>
            <a:ext uri="{FF2B5EF4-FFF2-40B4-BE49-F238E27FC236}">
              <a16:creationId xmlns:a16="http://schemas.microsoft.com/office/drawing/2014/main" id="{27B37716-640D-43E6-ACA9-20F58356C696}"/>
            </a:ext>
          </a:extLst>
        </xdr:cNvPr>
        <xdr:cNvSpPr txBox="1"/>
      </xdr:nvSpPr>
      <xdr:spPr>
        <a:xfrm>
          <a:off x="1085850" y="170297475"/>
          <a:ext cx="3171825" cy="2571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４２ページに防災設備の整備状況を記入すること。</a:t>
          </a:r>
        </a:p>
      </xdr:txBody>
    </xdr:sp>
    <xdr:clientData/>
  </xdr:twoCellAnchor>
  <mc:AlternateContent xmlns:mc="http://schemas.openxmlformats.org/markup-compatibility/2006">
    <mc:Choice xmlns:a14="http://schemas.microsoft.com/office/drawing/2010/main" Requires="a14">
      <xdr:twoCellAnchor editAs="oneCell">
        <xdr:from>
          <xdr:col>1</xdr:col>
          <xdr:colOff>190500</xdr:colOff>
          <xdr:row>187</xdr:row>
          <xdr:rowOff>533400</xdr:rowOff>
        </xdr:from>
        <xdr:to>
          <xdr:col>1</xdr:col>
          <xdr:colOff>4391025</xdr:colOff>
          <xdr:row>187</xdr:row>
          <xdr:rowOff>1600200</xdr:rowOff>
        </xdr:to>
        <xdr:pic>
          <xdr:nvPicPr>
            <xdr:cNvPr id="49" name="図 48">
              <a:extLst>
                <a:ext uri="{FF2B5EF4-FFF2-40B4-BE49-F238E27FC236}">
                  <a16:creationId xmlns:a16="http://schemas.microsoft.com/office/drawing/2014/main" id="{67D79985-0561-0B7A-F766-E7A42B47A146}"/>
                </a:ext>
              </a:extLst>
            </xdr:cNvPr>
            <xdr:cNvPicPr>
              <a:picLocks noChangeAspect="1" noChangeArrowheads="1"/>
              <a:extLst>
                <a:ext uri="{84589F7E-364E-4C9E-8A38-B11213B215E9}">
                  <a14:cameraTool cellRange="各種項目入力欄※ここに入力すると点検表に反映されます!$C$286:$W$289" spid="_x0000_s154279"/>
                </a:ext>
              </a:extLst>
            </xdr:cNvPicPr>
          </xdr:nvPicPr>
          <xdr:blipFill>
            <a:blip xmlns:r="http://schemas.openxmlformats.org/officeDocument/2006/relationships" r:embed="rId14"/>
            <a:srcRect/>
            <a:stretch>
              <a:fillRect/>
            </a:stretch>
          </xdr:blipFill>
          <xdr:spPr bwMode="auto">
            <a:xfrm>
              <a:off x="1152525" y="171411900"/>
              <a:ext cx="4200525" cy="10668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188</xdr:row>
          <xdr:rowOff>552450</xdr:rowOff>
        </xdr:from>
        <xdr:to>
          <xdr:col>1</xdr:col>
          <xdr:colOff>4400550</xdr:colOff>
          <xdr:row>188</xdr:row>
          <xdr:rowOff>819150</xdr:rowOff>
        </xdr:to>
        <xdr:pic>
          <xdr:nvPicPr>
            <xdr:cNvPr id="50" name="図 49">
              <a:extLst>
                <a:ext uri="{FF2B5EF4-FFF2-40B4-BE49-F238E27FC236}">
                  <a16:creationId xmlns:a16="http://schemas.microsoft.com/office/drawing/2014/main" id="{1702DD62-66CB-3087-6CE0-F4D5221BD9F3}"/>
                </a:ext>
              </a:extLst>
            </xdr:cNvPr>
            <xdr:cNvPicPr>
              <a:picLocks noChangeAspect="1" noChangeArrowheads="1"/>
              <a:extLst>
                <a:ext uri="{84589F7E-364E-4C9E-8A38-B11213B215E9}">
                  <a14:cameraTool cellRange="各種項目入力欄※ここに入力すると点検表に反映されます!$C$292:$W$292" spid="_x0000_s154280"/>
                </a:ext>
              </a:extLst>
            </xdr:cNvPicPr>
          </xdr:nvPicPr>
          <xdr:blipFill>
            <a:blip xmlns:r="http://schemas.openxmlformats.org/officeDocument/2006/relationships" r:embed="rId15"/>
            <a:srcRect/>
            <a:stretch>
              <a:fillRect/>
            </a:stretch>
          </xdr:blipFill>
          <xdr:spPr bwMode="auto">
            <a:xfrm>
              <a:off x="1457325" y="175164750"/>
              <a:ext cx="4210050" cy="2667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38125</xdr:colOff>
          <xdr:row>190</xdr:row>
          <xdr:rowOff>342900</xdr:rowOff>
        </xdr:from>
        <xdr:to>
          <xdr:col>1</xdr:col>
          <xdr:colOff>4448175</xdr:colOff>
          <xdr:row>190</xdr:row>
          <xdr:rowOff>733425</xdr:rowOff>
        </xdr:to>
        <xdr:pic>
          <xdr:nvPicPr>
            <xdr:cNvPr id="51" name="図 50">
              <a:extLst>
                <a:ext uri="{FF2B5EF4-FFF2-40B4-BE49-F238E27FC236}">
                  <a16:creationId xmlns:a16="http://schemas.microsoft.com/office/drawing/2014/main" id="{496872B0-A5FE-9455-AB97-3FB51425F63F}"/>
                </a:ext>
              </a:extLst>
            </xdr:cNvPr>
            <xdr:cNvPicPr>
              <a:picLocks noChangeAspect="1" noChangeArrowheads="1"/>
              <a:extLst>
                <a:ext uri="{84589F7E-364E-4C9E-8A38-B11213B215E9}">
                  <a14:cameraTool cellRange="各種項目入力欄※ここに入力すると点検表に反映されます!$C$295:$W$295" spid="_x0000_s154281"/>
                </a:ext>
              </a:extLst>
            </xdr:cNvPicPr>
          </xdr:nvPicPr>
          <xdr:blipFill>
            <a:blip xmlns:r="http://schemas.openxmlformats.org/officeDocument/2006/relationships" r:embed="rId16"/>
            <a:srcRect/>
            <a:stretch>
              <a:fillRect/>
            </a:stretch>
          </xdr:blipFill>
          <xdr:spPr bwMode="auto">
            <a:xfrm>
              <a:off x="1200150" y="176879250"/>
              <a:ext cx="4210050" cy="3905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09550</xdr:colOff>
          <xdr:row>191</xdr:row>
          <xdr:rowOff>361950</xdr:rowOff>
        </xdr:from>
        <xdr:to>
          <xdr:col>1</xdr:col>
          <xdr:colOff>4819650</xdr:colOff>
          <xdr:row>191</xdr:row>
          <xdr:rowOff>981075</xdr:rowOff>
        </xdr:to>
        <xdr:pic>
          <xdr:nvPicPr>
            <xdr:cNvPr id="52" name="図 51">
              <a:extLst>
                <a:ext uri="{FF2B5EF4-FFF2-40B4-BE49-F238E27FC236}">
                  <a16:creationId xmlns:a16="http://schemas.microsoft.com/office/drawing/2014/main" id="{297FA0EF-4C4F-BCE0-C9A0-118495584E33}"/>
                </a:ext>
              </a:extLst>
            </xdr:cNvPr>
            <xdr:cNvPicPr>
              <a:picLocks noChangeAspect="1" noChangeArrowheads="1"/>
              <a:extLst>
                <a:ext uri="{84589F7E-364E-4C9E-8A38-B11213B215E9}">
                  <a14:cameraTool cellRange="各種項目入力欄※ここに入力すると点検表に反映されます!$C$298:$Y$299" spid="_x0000_s154282"/>
                </a:ext>
              </a:extLst>
            </xdr:cNvPicPr>
          </xdr:nvPicPr>
          <xdr:blipFill>
            <a:blip xmlns:r="http://schemas.openxmlformats.org/officeDocument/2006/relationships" r:embed="rId17"/>
            <a:srcRect/>
            <a:stretch>
              <a:fillRect/>
            </a:stretch>
          </xdr:blipFill>
          <xdr:spPr bwMode="auto">
            <a:xfrm>
              <a:off x="1171575" y="178317525"/>
              <a:ext cx="4610100" cy="6191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47650</xdr:colOff>
          <xdr:row>193</xdr:row>
          <xdr:rowOff>276225</xdr:rowOff>
        </xdr:from>
        <xdr:to>
          <xdr:col>1</xdr:col>
          <xdr:colOff>4657725</xdr:colOff>
          <xdr:row>193</xdr:row>
          <xdr:rowOff>1533525</xdr:rowOff>
        </xdr:to>
        <xdr:pic>
          <xdr:nvPicPr>
            <xdr:cNvPr id="53" name="図 52">
              <a:extLst>
                <a:ext uri="{FF2B5EF4-FFF2-40B4-BE49-F238E27FC236}">
                  <a16:creationId xmlns:a16="http://schemas.microsoft.com/office/drawing/2014/main" id="{FBDA791D-B53F-51D6-5221-267459B3555D}"/>
                </a:ext>
              </a:extLst>
            </xdr:cNvPr>
            <xdr:cNvPicPr>
              <a:picLocks noChangeAspect="1" noChangeArrowheads="1"/>
              <a:extLst>
                <a:ext uri="{84589F7E-364E-4C9E-8A38-B11213B215E9}">
                  <a14:cameraTool cellRange="各種項目入力欄※ここに入力すると点検表に反映されます!$C$302:$X$306" spid="_x0000_s154283"/>
                </a:ext>
              </a:extLst>
            </xdr:cNvPicPr>
          </xdr:nvPicPr>
          <xdr:blipFill>
            <a:blip xmlns:r="http://schemas.openxmlformats.org/officeDocument/2006/relationships" r:embed="rId18"/>
            <a:srcRect/>
            <a:stretch>
              <a:fillRect/>
            </a:stretch>
          </xdr:blipFill>
          <xdr:spPr bwMode="auto">
            <a:xfrm>
              <a:off x="1514475" y="180632100"/>
              <a:ext cx="4410075" cy="12573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200</xdr:row>
          <xdr:rowOff>409575</xdr:rowOff>
        </xdr:from>
        <xdr:to>
          <xdr:col>1</xdr:col>
          <xdr:colOff>4800600</xdr:colOff>
          <xdr:row>200</xdr:row>
          <xdr:rowOff>1333500</xdr:rowOff>
        </xdr:to>
        <xdr:pic>
          <xdr:nvPicPr>
            <xdr:cNvPr id="54" name="図 53">
              <a:extLst>
                <a:ext uri="{FF2B5EF4-FFF2-40B4-BE49-F238E27FC236}">
                  <a16:creationId xmlns:a16="http://schemas.microsoft.com/office/drawing/2014/main" id="{0323943E-08B6-D9E8-F4F3-A83E71A2679E}"/>
                </a:ext>
              </a:extLst>
            </xdr:cNvPr>
            <xdr:cNvPicPr>
              <a:picLocks noChangeAspect="1" noChangeArrowheads="1"/>
              <a:extLst>
                <a:ext uri="{84589F7E-364E-4C9E-8A38-B11213B215E9}">
                  <a14:cameraTool cellRange="各種項目入力欄※ここに入力すると点検表に反映されます!$C$309:$Y$312" spid="_x0000_s154284"/>
                </a:ext>
              </a:extLst>
            </xdr:cNvPicPr>
          </xdr:nvPicPr>
          <xdr:blipFill>
            <a:blip xmlns:r="http://schemas.openxmlformats.org/officeDocument/2006/relationships" r:embed="rId19"/>
            <a:srcRect/>
            <a:stretch>
              <a:fillRect/>
            </a:stretch>
          </xdr:blipFill>
          <xdr:spPr bwMode="auto">
            <a:xfrm>
              <a:off x="1152525" y="186166125"/>
              <a:ext cx="4610100" cy="923925"/>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xdr:col>
      <xdr:colOff>219075</xdr:colOff>
      <xdr:row>201</xdr:row>
      <xdr:rowOff>314325</xdr:rowOff>
    </xdr:from>
    <xdr:to>
      <xdr:col>1</xdr:col>
      <xdr:colOff>3390900</xdr:colOff>
      <xdr:row>201</xdr:row>
      <xdr:rowOff>571500</xdr:rowOff>
    </xdr:to>
    <xdr:sp macro="" textlink="">
      <xdr:nvSpPr>
        <xdr:cNvPr id="55" name="テキスト ボックス 54">
          <a:extLst>
            <a:ext uri="{FF2B5EF4-FFF2-40B4-BE49-F238E27FC236}">
              <a16:creationId xmlns:a16="http://schemas.microsoft.com/office/drawing/2014/main" id="{8AA882FE-A393-4182-A859-959BF1B4869E}"/>
            </a:ext>
          </a:extLst>
        </xdr:cNvPr>
        <xdr:cNvSpPr txBox="1"/>
      </xdr:nvSpPr>
      <xdr:spPr>
        <a:xfrm>
          <a:off x="1181100" y="187813950"/>
          <a:ext cx="3171825" cy="257175"/>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Ｐゴシック" panose="020B0600070205080204" pitchFamily="50" charset="-128"/>
              <a:ea typeface="ＭＳ Ｐゴシック" panose="020B0600070205080204" pitchFamily="50" charset="-128"/>
            </a:rPr>
            <a:t>４３ページに防災訓練の実施状況を記入すること。</a:t>
          </a:r>
        </a:p>
      </xdr:txBody>
    </xdr:sp>
    <xdr:clientData/>
  </xdr:twoCellAnchor>
  <mc:AlternateContent xmlns:mc="http://schemas.openxmlformats.org/markup-compatibility/2006">
    <mc:Choice xmlns:a14="http://schemas.microsoft.com/office/drawing/2010/main" Requires="a14">
      <xdr:twoCellAnchor editAs="oneCell">
        <xdr:from>
          <xdr:col>1</xdr:col>
          <xdr:colOff>238125</xdr:colOff>
          <xdr:row>206</xdr:row>
          <xdr:rowOff>609600</xdr:rowOff>
        </xdr:from>
        <xdr:to>
          <xdr:col>1</xdr:col>
          <xdr:colOff>4048125</xdr:colOff>
          <xdr:row>206</xdr:row>
          <xdr:rowOff>2371725</xdr:rowOff>
        </xdr:to>
        <xdr:pic>
          <xdr:nvPicPr>
            <xdr:cNvPr id="56" name="図 55">
              <a:extLst>
                <a:ext uri="{FF2B5EF4-FFF2-40B4-BE49-F238E27FC236}">
                  <a16:creationId xmlns:a16="http://schemas.microsoft.com/office/drawing/2014/main" id="{2408EB50-3837-4566-B625-6EC5205DC84B}"/>
                </a:ext>
              </a:extLst>
            </xdr:cNvPr>
            <xdr:cNvPicPr>
              <a:picLocks noChangeAspect="1" noChangeArrowheads="1"/>
              <a:extLst>
                <a:ext uri="{84589F7E-364E-4C9E-8A38-B11213B215E9}">
                  <a14:cameraTool cellRange="各種項目入力欄※ここに入力すると点検表に反映されます!$C$315:$U$319" spid="_x0000_s154285"/>
                </a:ext>
              </a:extLst>
            </xdr:cNvPicPr>
          </xdr:nvPicPr>
          <xdr:blipFill>
            <a:blip xmlns:r="http://schemas.openxmlformats.org/officeDocument/2006/relationships" r:embed="rId20"/>
            <a:srcRect/>
            <a:stretch>
              <a:fillRect/>
            </a:stretch>
          </xdr:blipFill>
          <xdr:spPr bwMode="auto">
            <a:xfrm>
              <a:off x="1200150" y="193157475"/>
              <a:ext cx="3810000" cy="17621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207</xdr:row>
          <xdr:rowOff>200025</xdr:rowOff>
        </xdr:from>
        <xdr:to>
          <xdr:col>1</xdr:col>
          <xdr:colOff>4029075</xdr:colOff>
          <xdr:row>207</xdr:row>
          <xdr:rowOff>1962150</xdr:rowOff>
        </xdr:to>
        <xdr:pic>
          <xdr:nvPicPr>
            <xdr:cNvPr id="57" name="図 56">
              <a:extLst>
                <a:ext uri="{FF2B5EF4-FFF2-40B4-BE49-F238E27FC236}">
                  <a16:creationId xmlns:a16="http://schemas.microsoft.com/office/drawing/2014/main" id="{244669EE-5E40-C7AB-4E97-E91EFAAD2D48}"/>
                </a:ext>
              </a:extLst>
            </xdr:cNvPr>
            <xdr:cNvPicPr>
              <a:picLocks noChangeAspect="1" noChangeArrowheads="1"/>
              <a:extLst>
                <a:ext uri="{84589F7E-364E-4C9E-8A38-B11213B215E9}">
                  <a14:cameraTool cellRange="各種項目入力欄※ここに入力すると点検表に反映されます!$C$321:$U$325" spid="_x0000_s154286"/>
                </a:ext>
              </a:extLst>
            </xdr:cNvPicPr>
          </xdr:nvPicPr>
          <xdr:blipFill>
            <a:blip xmlns:r="http://schemas.openxmlformats.org/officeDocument/2006/relationships" r:embed="rId21"/>
            <a:srcRect/>
            <a:stretch>
              <a:fillRect/>
            </a:stretch>
          </xdr:blipFill>
          <xdr:spPr bwMode="auto">
            <a:xfrm>
              <a:off x="1181100" y="195281550"/>
              <a:ext cx="3810000" cy="17621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209</xdr:row>
          <xdr:rowOff>54428</xdr:rowOff>
        </xdr:from>
        <xdr:to>
          <xdr:col>6</xdr:col>
          <xdr:colOff>11907</xdr:colOff>
          <xdr:row>215</xdr:row>
          <xdr:rowOff>489857</xdr:rowOff>
        </xdr:to>
        <xdr:pic>
          <xdr:nvPicPr>
            <xdr:cNvPr id="5" name="図 4">
              <a:extLst>
                <a:ext uri="{FF2B5EF4-FFF2-40B4-BE49-F238E27FC236}">
                  <a16:creationId xmlns:a16="http://schemas.microsoft.com/office/drawing/2014/main" id="{6FBBF85A-6457-C92E-7698-3EE079C5A3CB}"/>
                </a:ext>
              </a:extLst>
            </xdr:cNvPr>
            <xdr:cNvPicPr>
              <a:picLocks noChangeAspect="1" noChangeArrowheads="1"/>
              <a:extLst>
                <a:ext uri="{84589F7E-364E-4C9E-8A38-B11213B215E9}">
                  <a14:cameraTool cellRange="各種項目入力欄※ここに入力すると点検表に反映されます!$C$328:$AM$347" spid="_x0000_s154287"/>
                </a:ext>
              </a:extLst>
            </xdr:cNvPicPr>
          </xdr:nvPicPr>
          <xdr:blipFill>
            <a:blip xmlns:r="http://schemas.openxmlformats.org/officeDocument/2006/relationships" r:embed="rId22"/>
            <a:srcRect/>
            <a:stretch>
              <a:fillRect/>
            </a:stretch>
          </xdr:blipFill>
          <xdr:spPr bwMode="auto">
            <a:xfrm>
              <a:off x="0" y="199589571"/>
              <a:ext cx="7429500" cy="802821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28600</xdr:colOff>
          <xdr:row>237</xdr:row>
          <xdr:rowOff>266700</xdr:rowOff>
        </xdr:from>
        <xdr:to>
          <xdr:col>1</xdr:col>
          <xdr:colOff>4429125</xdr:colOff>
          <xdr:row>237</xdr:row>
          <xdr:rowOff>1638300</xdr:rowOff>
        </xdr:to>
        <xdr:pic>
          <xdr:nvPicPr>
            <xdr:cNvPr id="42" name="図 41">
              <a:extLst>
                <a:ext uri="{FF2B5EF4-FFF2-40B4-BE49-F238E27FC236}">
                  <a16:creationId xmlns:a16="http://schemas.microsoft.com/office/drawing/2014/main" id="{E3C2694B-5A3F-5685-660E-C62660C371B6}"/>
                </a:ext>
              </a:extLst>
            </xdr:cNvPr>
            <xdr:cNvPicPr>
              <a:picLocks noChangeAspect="1" noChangeArrowheads="1"/>
              <a:extLst>
                <a:ext uri="{84589F7E-364E-4C9E-8A38-B11213B215E9}">
                  <a14:cameraTool cellRange="各種項目入力欄※ここに入力すると点検表に反映されます!$C$381:$W$384" spid="_x0000_s154288"/>
                </a:ext>
              </a:extLst>
            </xdr:cNvPicPr>
          </xdr:nvPicPr>
          <xdr:blipFill>
            <a:blip xmlns:r="http://schemas.openxmlformats.org/officeDocument/2006/relationships" r:embed="rId23"/>
            <a:srcRect/>
            <a:stretch>
              <a:fillRect/>
            </a:stretch>
          </xdr:blipFill>
          <xdr:spPr bwMode="auto">
            <a:xfrm>
              <a:off x="1495425" y="225647250"/>
              <a:ext cx="4200525" cy="13716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1937</xdr:colOff>
          <xdr:row>241</xdr:row>
          <xdr:rowOff>392906</xdr:rowOff>
        </xdr:from>
        <xdr:to>
          <xdr:col>1</xdr:col>
          <xdr:colOff>3871912</xdr:colOff>
          <xdr:row>241</xdr:row>
          <xdr:rowOff>859631</xdr:rowOff>
        </xdr:to>
        <xdr:pic>
          <xdr:nvPicPr>
            <xdr:cNvPr id="58" name="図 57">
              <a:extLst>
                <a:ext uri="{FF2B5EF4-FFF2-40B4-BE49-F238E27FC236}">
                  <a16:creationId xmlns:a16="http://schemas.microsoft.com/office/drawing/2014/main" id="{C8EABA67-E276-2315-7141-B41D4EA0307B}"/>
                </a:ext>
              </a:extLst>
            </xdr:cNvPr>
            <xdr:cNvPicPr>
              <a:picLocks noChangeAspect="1" noChangeArrowheads="1"/>
              <a:extLst>
                <a:ext uri="{84589F7E-364E-4C9E-8A38-B11213B215E9}">
                  <a14:cameraTool cellRange="各種項目入力欄※ここに入力すると点検表に反映されます!$C$392:$T$393" spid="_x0000_s154289"/>
                </a:ext>
              </a:extLst>
            </xdr:cNvPicPr>
          </xdr:nvPicPr>
          <xdr:blipFill>
            <a:blip xmlns:r="http://schemas.openxmlformats.org/officeDocument/2006/relationships" r:embed="rId24"/>
            <a:srcRect/>
            <a:stretch>
              <a:fillRect/>
            </a:stretch>
          </xdr:blipFill>
          <xdr:spPr bwMode="auto">
            <a:xfrm>
              <a:off x="1528762" y="229526306"/>
              <a:ext cx="3609975" cy="4667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4313</xdr:colOff>
          <xdr:row>247</xdr:row>
          <xdr:rowOff>154781</xdr:rowOff>
        </xdr:from>
        <xdr:to>
          <xdr:col>1</xdr:col>
          <xdr:colOff>4024313</xdr:colOff>
          <xdr:row>247</xdr:row>
          <xdr:rowOff>3976687</xdr:rowOff>
        </xdr:to>
        <xdr:pic>
          <xdr:nvPicPr>
            <xdr:cNvPr id="60" name="図 59">
              <a:extLst>
                <a:ext uri="{FF2B5EF4-FFF2-40B4-BE49-F238E27FC236}">
                  <a16:creationId xmlns:a16="http://schemas.microsoft.com/office/drawing/2014/main" id="{A1C58902-60AF-4AD9-6ED8-9B51300A8B0A}"/>
                </a:ext>
              </a:extLst>
            </xdr:cNvPr>
            <xdr:cNvPicPr>
              <a:picLocks noChangeAspect="1" noChangeArrowheads="1"/>
              <a:extLst>
                <a:ext uri="{84589F7E-364E-4C9E-8A38-B11213B215E9}">
                  <a14:cameraTool cellRange="各種項目入力欄※ここに入力すると点検表に反映されます!$C$396:$U$409" spid="_x0000_s154290"/>
                </a:ext>
              </a:extLst>
            </xdr:cNvPicPr>
          </xdr:nvPicPr>
          <xdr:blipFill>
            <a:blip xmlns:r="http://schemas.openxmlformats.org/officeDocument/2006/relationships" r:embed="rId25"/>
            <a:srcRect/>
            <a:stretch>
              <a:fillRect/>
            </a:stretch>
          </xdr:blipFill>
          <xdr:spPr bwMode="auto">
            <a:xfrm>
              <a:off x="1481138" y="234469781"/>
              <a:ext cx="3810000" cy="382190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38125</xdr:colOff>
          <xdr:row>251</xdr:row>
          <xdr:rowOff>404812</xdr:rowOff>
        </xdr:from>
        <xdr:to>
          <xdr:col>1</xdr:col>
          <xdr:colOff>4448175</xdr:colOff>
          <xdr:row>251</xdr:row>
          <xdr:rowOff>1331118</xdr:rowOff>
        </xdr:to>
        <xdr:pic>
          <xdr:nvPicPr>
            <xdr:cNvPr id="62" name="図 61">
              <a:extLst>
                <a:ext uri="{FF2B5EF4-FFF2-40B4-BE49-F238E27FC236}">
                  <a16:creationId xmlns:a16="http://schemas.microsoft.com/office/drawing/2014/main" id="{F96D0424-CAD4-EEC8-78E1-273C0E286F1A}"/>
                </a:ext>
              </a:extLst>
            </xdr:cNvPr>
            <xdr:cNvPicPr>
              <a:picLocks noChangeAspect="1" noChangeArrowheads="1"/>
              <a:extLst>
                <a:ext uri="{84589F7E-364E-4C9E-8A38-B11213B215E9}">
                  <a14:cameraTool cellRange="各種項目入力欄※ここに入力すると点検表に反映されます!$C$412:$W$415" spid="_x0000_s154291"/>
                </a:ext>
              </a:extLst>
            </xdr:cNvPicPr>
          </xdr:nvPicPr>
          <xdr:blipFill>
            <a:blip xmlns:r="http://schemas.openxmlformats.org/officeDocument/2006/relationships" r:embed="rId26"/>
            <a:srcRect/>
            <a:stretch>
              <a:fillRect/>
            </a:stretch>
          </xdr:blipFill>
          <xdr:spPr bwMode="auto">
            <a:xfrm>
              <a:off x="1202531" y="241756406"/>
              <a:ext cx="4210050" cy="92630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52500</xdr:colOff>
          <xdr:row>255</xdr:row>
          <xdr:rowOff>152400</xdr:rowOff>
        </xdr:from>
        <xdr:to>
          <xdr:col>4</xdr:col>
          <xdr:colOff>194005</xdr:colOff>
          <xdr:row>255</xdr:row>
          <xdr:rowOff>1343025</xdr:rowOff>
        </xdr:to>
        <xdr:pic>
          <xdr:nvPicPr>
            <xdr:cNvPr id="59" name="図 58">
              <a:extLst>
                <a:ext uri="{FF2B5EF4-FFF2-40B4-BE49-F238E27FC236}">
                  <a16:creationId xmlns:a16="http://schemas.microsoft.com/office/drawing/2014/main" id="{5C065611-C204-E182-2306-132F29046618}"/>
                </a:ext>
              </a:extLst>
            </xdr:cNvPr>
            <xdr:cNvPicPr>
              <a:picLocks noChangeAspect="1" noChangeArrowheads="1"/>
              <a:extLst>
                <a:ext uri="{84589F7E-364E-4C9E-8A38-B11213B215E9}">
                  <a14:cameraTool cellRange="各種項目入力欄※ここに入力すると点検表に反映されます!$C$418:$AF$420" spid="_x0000_s154292"/>
                </a:ext>
              </a:extLst>
            </xdr:cNvPicPr>
          </xdr:nvPicPr>
          <xdr:blipFill>
            <a:blip xmlns:r="http://schemas.openxmlformats.org/officeDocument/2006/relationships" r:embed="rId27"/>
            <a:srcRect/>
            <a:stretch>
              <a:fillRect/>
            </a:stretch>
          </xdr:blipFill>
          <xdr:spPr bwMode="auto">
            <a:xfrm>
              <a:off x="952500" y="245783100"/>
              <a:ext cx="6213805" cy="11906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1937</xdr:colOff>
          <xdr:row>256</xdr:row>
          <xdr:rowOff>214312</xdr:rowOff>
        </xdr:from>
        <xdr:to>
          <xdr:col>1</xdr:col>
          <xdr:colOff>4071937</xdr:colOff>
          <xdr:row>256</xdr:row>
          <xdr:rowOff>909637</xdr:rowOff>
        </xdr:to>
        <xdr:pic>
          <xdr:nvPicPr>
            <xdr:cNvPr id="61" name="図 60">
              <a:extLst>
                <a:ext uri="{FF2B5EF4-FFF2-40B4-BE49-F238E27FC236}">
                  <a16:creationId xmlns:a16="http://schemas.microsoft.com/office/drawing/2014/main" id="{9A4167BC-C79D-5104-E120-700F53DF6364}"/>
                </a:ext>
              </a:extLst>
            </xdr:cNvPr>
            <xdr:cNvPicPr>
              <a:picLocks noChangeAspect="1" noChangeArrowheads="1"/>
              <a:extLst>
                <a:ext uri="{84589F7E-364E-4C9E-8A38-B11213B215E9}">
                  <a14:cameraTool cellRange="各種項目入力欄※ここに入力すると点検表に反映されます!$C$423" spid="_x0000_s154293"/>
                </a:ext>
              </a:extLst>
            </xdr:cNvPicPr>
          </xdr:nvPicPr>
          <xdr:blipFill>
            <a:blip xmlns:r="http://schemas.openxmlformats.org/officeDocument/2006/relationships" r:embed="rId28"/>
            <a:srcRect/>
            <a:stretch>
              <a:fillRect/>
            </a:stretch>
          </xdr:blipFill>
          <xdr:spPr bwMode="auto">
            <a:xfrm>
              <a:off x="1226343" y="246733218"/>
              <a:ext cx="3810000" cy="6953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38212</xdr:colOff>
          <xdr:row>258</xdr:row>
          <xdr:rowOff>95250</xdr:rowOff>
        </xdr:from>
        <xdr:to>
          <xdr:col>4</xdr:col>
          <xdr:colOff>185086</xdr:colOff>
          <xdr:row>258</xdr:row>
          <xdr:rowOff>892969</xdr:rowOff>
        </xdr:to>
        <xdr:pic>
          <xdr:nvPicPr>
            <xdr:cNvPr id="63" name="図 62">
              <a:extLst>
                <a:ext uri="{FF2B5EF4-FFF2-40B4-BE49-F238E27FC236}">
                  <a16:creationId xmlns:a16="http://schemas.microsoft.com/office/drawing/2014/main" id="{D348A07F-306E-6DF5-977D-F7D68844E652}"/>
                </a:ext>
              </a:extLst>
            </xdr:cNvPr>
            <xdr:cNvPicPr>
              <a:picLocks noChangeAspect="1" noChangeArrowheads="1"/>
              <a:extLst>
                <a:ext uri="{84589F7E-364E-4C9E-8A38-B11213B215E9}">
                  <a14:cameraTool cellRange="各種項目入力欄※ここに入力すると点検表に反映されます!$C$428:$AF$429" spid="_x0000_s154294"/>
                </a:ext>
              </a:extLst>
            </xdr:cNvPicPr>
          </xdr:nvPicPr>
          <xdr:blipFill>
            <a:blip xmlns:r="http://schemas.openxmlformats.org/officeDocument/2006/relationships" r:embed="rId29"/>
            <a:srcRect/>
            <a:stretch>
              <a:fillRect/>
            </a:stretch>
          </xdr:blipFill>
          <xdr:spPr bwMode="auto">
            <a:xfrm>
              <a:off x="938212" y="249640725"/>
              <a:ext cx="6219174" cy="797719"/>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3844</xdr:colOff>
          <xdr:row>259</xdr:row>
          <xdr:rowOff>226218</xdr:rowOff>
        </xdr:from>
        <xdr:to>
          <xdr:col>1</xdr:col>
          <xdr:colOff>4083844</xdr:colOff>
          <xdr:row>259</xdr:row>
          <xdr:rowOff>921543</xdr:rowOff>
        </xdr:to>
        <xdr:pic>
          <xdr:nvPicPr>
            <xdr:cNvPr id="64" name="図 63">
              <a:extLst>
                <a:ext uri="{FF2B5EF4-FFF2-40B4-BE49-F238E27FC236}">
                  <a16:creationId xmlns:a16="http://schemas.microsoft.com/office/drawing/2014/main" id="{2C3AE2E8-531E-04D9-BF9F-3F635BC1CDD4}"/>
                </a:ext>
              </a:extLst>
            </xdr:cNvPr>
            <xdr:cNvPicPr>
              <a:picLocks noChangeAspect="1" noChangeArrowheads="1"/>
              <a:extLst>
                <a:ext uri="{84589F7E-364E-4C9E-8A38-B11213B215E9}">
                  <a14:cameraTool cellRange="各種項目入力欄※ここに入力すると点検表に反映されます!$C$432" spid="_x0000_s154295"/>
                </a:ext>
              </a:extLst>
            </xdr:cNvPicPr>
          </xdr:nvPicPr>
          <xdr:blipFill>
            <a:blip xmlns:r="http://schemas.openxmlformats.org/officeDocument/2006/relationships" r:embed="rId28"/>
            <a:srcRect/>
            <a:stretch>
              <a:fillRect/>
            </a:stretch>
          </xdr:blipFill>
          <xdr:spPr bwMode="auto">
            <a:xfrm>
              <a:off x="1540669" y="250667043"/>
              <a:ext cx="3810000" cy="6953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3356</xdr:colOff>
          <xdr:row>264</xdr:row>
          <xdr:rowOff>26193</xdr:rowOff>
        </xdr:from>
        <xdr:to>
          <xdr:col>1</xdr:col>
          <xdr:colOff>4593431</xdr:colOff>
          <xdr:row>264</xdr:row>
          <xdr:rowOff>1495425</xdr:rowOff>
        </xdr:to>
        <xdr:pic>
          <xdr:nvPicPr>
            <xdr:cNvPr id="15662" name="Picture 1326">
              <a:extLst>
                <a:ext uri="{FF2B5EF4-FFF2-40B4-BE49-F238E27FC236}">
                  <a16:creationId xmlns:a16="http://schemas.microsoft.com/office/drawing/2014/main" id="{36854BBF-75DC-642B-7810-7446EA4E35A6}"/>
                </a:ext>
              </a:extLst>
            </xdr:cNvPr>
            <xdr:cNvPicPr>
              <a:picLocks noChangeAspect="1" noChangeArrowheads="1"/>
              <a:extLst>
                <a:ext uri="{84589F7E-364E-4C9E-8A38-B11213B215E9}">
                  <a14:cameraTool cellRange="各種項目入力欄※ここに入力すると点検表に反映されます!$C$437:$X$442" spid="_x0000_s154296"/>
                </a:ext>
              </a:extLst>
            </xdr:cNvPicPr>
          </xdr:nvPicPr>
          <xdr:blipFill>
            <a:blip xmlns:r="http://schemas.openxmlformats.org/officeDocument/2006/relationships" r:embed="rId30"/>
            <a:srcRect/>
            <a:stretch>
              <a:fillRect/>
            </a:stretch>
          </xdr:blipFill>
          <xdr:spPr bwMode="auto">
            <a:xfrm>
              <a:off x="1450181" y="255543843"/>
              <a:ext cx="4410075" cy="1469232"/>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4312</xdr:colOff>
          <xdr:row>266</xdr:row>
          <xdr:rowOff>95250</xdr:rowOff>
        </xdr:from>
        <xdr:to>
          <xdr:col>1</xdr:col>
          <xdr:colOff>4024312</xdr:colOff>
          <xdr:row>266</xdr:row>
          <xdr:rowOff>790575</xdr:rowOff>
        </xdr:to>
        <xdr:pic>
          <xdr:nvPicPr>
            <xdr:cNvPr id="28" name="図 27">
              <a:extLst>
                <a:ext uri="{FF2B5EF4-FFF2-40B4-BE49-F238E27FC236}">
                  <a16:creationId xmlns:a16="http://schemas.microsoft.com/office/drawing/2014/main" id="{0731EA9C-F1E6-7900-201C-42146D3DD303}"/>
                </a:ext>
              </a:extLst>
            </xdr:cNvPr>
            <xdr:cNvPicPr>
              <a:picLocks noChangeAspect="1" noChangeArrowheads="1"/>
              <a:extLst>
                <a:ext uri="{84589F7E-364E-4C9E-8A38-B11213B215E9}">
                  <a14:cameraTool cellRange="各種項目入力欄※ここに入力すると点検表に反映されます!$C$445" spid="_x0000_s154297"/>
                </a:ext>
              </a:extLst>
            </xdr:cNvPicPr>
          </xdr:nvPicPr>
          <xdr:blipFill>
            <a:blip xmlns:r="http://schemas.openxmlformats.org/officeDocument/2006/relationships" r:embed="rId31"/>
            <a:srcRect/>
            <a:stretch>
              <a:fillRect/>
            </a:stretch>
          </xdr:blipFill>
          <xdr:spPr bwMode="auto">
            <a:xfrm>
              <a:off x="1178718" y="256948781"/>
              <a:ext cx="3810000" cy="6953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21456</xdr:colOff>
          <xdr:row>268</xdr:row>
          <xdr:rowOff>230981</xdr:rowOff>
        </xdr:from>
        <xdr:to>
          <xdr:col>1</xdr:col>
          <xdr:colOff>4614862</xdr:colOff>
          <xdr:row>268</xdr:row>
          <xdr:rowOff>1672257</xdr:rowOff>
        </xdr:to>
        <xdr:pic>
          <xdr:nvPicPr>
            <xdr:cNvPr id="65" name="図 64">
              <a:extLst>
                <a:ext uri="{FF2B5EF4-FFF2-40B4-BE49-F238E27FC236}">
                  <a16:creationId xmlns:a16="http://schemas.microsoft.com/office/drawing/2014/main" id="{0CF78510-01E7-13A8-DFEB-E4EE8E24F19D}"/>
                </a:ext>
              </a:extLst>
            </xdr:cNvPr>
            <xdr:cNvPicPr>
              <a:picLocks noChangeAspect="1" noChangeArrowheads="1"/>
              <a:extLst>
                <a:ext uri="{84589F7E-364E-4C9E-8A38-B11213B215E9}">
                  <a14:cameraTool cellRange="各種項目入力欄※ここに入力すると点検表に反映されます!$C$450:$W$454" spid="_x0000_s154298"/>
                </a:ext>
              </a:extLst>
            </xdr:cNvPicPr>
          </xdr:nvPicPr>
          <xdr:blipFill>
            <a:blip xmlns:r="http://schemas.openxmlformats.org/officeDocument/2006/relationships" r:embed="rId32"/>
            <a:srcRect/>
            <a:stretch>
              <a:fillRect/>
            </a:stretch>
          </xdr:blipFill>
          <xdr:spPr bwMode="auto">
            <a:xfrm>
              <a:off x="1488281" y="259920581"/>
              <a:ext cx="4393406" cy="1441276"/>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8</xdr:col>
      <xdr:colOff>47624</xdr:colOff>
      <xdr:row>291</xdr:row>
      <xdr:rowOff>452437</xdr:rowOff>
    </xdr:from>
    <xdr:to>
      <xdr:col>9</xdr:col>
      <xdr:colOff>1214437</xdr:colOff>
      <xdr:row>292</xdr:row>
      <xdr:rowOff>0</xdr:rowOff>
    </xdr:to>
    <xdr:sp macro="" textlink="">
      <xdr:nvSpPr>
        <xdr:cNvPr id="72" name="テキスト ボックス 71">
          <a:extLst>
            <a:ext uri="{FF2B5EF4-FFF2-40B4-BE49-F238E27FC236}">
              <a16:creationId xmlns:a16="http://schemas.microsoft.com/office/drawing/2014/main" id="{D678811D-D4FE-152B-49F0-03246B38FA93}"/>
            </a:ext>
          </a:extLst>
        </xdr:cNvPr>
        <xdr:cNvSpPr txBox="1"/>
      </xdr:nvSpPr>
      <xdr:spPr>
        <a:xfrm>
          <a:off x="11358562" y="276963187"/>
          <a:ext cx="2667000" cy="2214563"/>
        </a:xfrm>
        <a:prstGeom prst="rect">
          <a:avLst/>
        </a:prstGeom>
        <a:solidFill>
          <a:schemeClr val="lt1"/>
        </a:solidFill>
        <a:ln w="12700" cmpd="sng">
          <a:solidFill>
            <a:schemeClr val="lt1">
              <a:shade val="50000"/>
            </a:schemeClr>
          </a:solidFill>
          <a:prstDash val="sysDot"/>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雇用形態に関わらない公正な待遇の確保】</a:t>
          </a:r>
        </a:p>
        <a:p>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短時間・有期雇用労働者及び派遣労働者に対す</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る不合理な待遇の禁止等に関する指針</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en-US" altLang="ja-JP" sz="9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大企業</a:t>
          </a:r>
          <a:r>
            <a:rPr lang="en-US" altLang="ja-JP" sz="900">
              <a:solidFill>
                <a:schemeClr val="dk1"/>
              </a:solidFill>
              <a:effectLst/>
              <a:latin typeface="ＭＳ Ｐゴシック" panose="020B0600070205080204" pitchFamily="50" charset="-128"/>
              <a:ea typeface="ＭＳ Ｐゴシック" panose="020B0600070205080204" pitchFamily="50" charset="-128"/>
              <a:cs typeface="+mn-cs"/>
            </a:rPr>
            <a:t>R2.4.1</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中小企業</a:t>
          </a:r>
          <a:r>
            <a:rPr lang="en-US" altLang="ja-JP" sz="900">
              <a:solidFill>
                <a:schemeClr val="dk1"/>
              </a:solidFill>
              <a:effectLst/>
              <a:latin typeface="ＭＳ Ｐゴシック" panose="020B0600070205080204" pitchFamily="50" charset="-128"/>
              <a:ea typeface="ＭＳ Ｐゴシック" panose="020B0600070205080204" pitchFamily="50" charset="-128"/>
              <a:cs typeface="+mn-cs"/>
            </a:rPr>
            <a:t>R3.4.1</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適用</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不合理な待遇差の禁止</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基本給、賞与、手当等の待遇差について、職務</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内容、配置の変更範囲、その他の事情など客</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観的、具体的実態に照らして合理性がなけれ</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ばならない。（均衡待遇）</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待遇に関する説明義務</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雇入れ時…雇用管理上の措置について説明</a:t>
          </a: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随時…説明を求められた場合、説明</a:t>
          </a:r>
        </a:p>
        <a:p>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8</xdr:col>
      <xdr:colOff>1240631</xdr:colOff>
      <xdr:row>288</xdr:row>
      <xdr:rowOff>133349</xdr:rowOff>
    </xdr:from>
    <xdr:to>
      <xdr:col>9</xdr:col>
      <xdr:colOff>1171575</xdr:colOff>
      <xdr:row>290</xdr:row>
      <xdr:rowOff>457200</xdr:rowOff>
    </xdr:to>
    <xdr:sp macro="" textlink="">
      <xdr:nvSpPr>
        <xdr:cNvPr id="71" name="テキスト ボックス 70">
          <a:extLst>
            <a:ext uri="{FF2B5EF4-FFF2-40B4-BE49-F238E27FC236}">
              <a16:creationId xmlns:a16="http://schemas.microsoft.com/office/drawing/2014/main" id="{88EAF8BB-EBD4-F563-8ED6-784A4F4D1851}"/>
            </a:ext>
          </a:extLst>
        </xdr:cNvPr>
        <xdr:cNvSpPr txBox="1"/>
      </xdr:nvSpPr>
      <xdr:spPr>
        <a:xfrm>
          <a:off x="12546806" y="270471899"/>
          <a:ext cx="1426369" cy="1333501"/>
        </a:xfrm>
        <a:prstGeom prst="rect">
          <a:avLst/>
        </a:prstGeom>
        <a:solidFill>
          <a:schemeClr val="lt1"/>
        </a:solidFill>
        <a:ln w="12700" cmpd="sng">
          <a:solidFill>
            <a:schemeClr val="lt1">
              <a:shade val="50000"/>
            </a:schemeClr>
          </a:solidFill>
          <a:prstDash val="sysDot"/>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短時間労働者について</a:t>
          </a:r>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は、左記の事項に加え、</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次の項目を文書により</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明示しなければならない。</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昇給の有無</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退職手当の有無</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賞与の有無</a:t>
          </a:r>
          <a:endParaRPr lang="en-US" altLang="ja-JP" sz="9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相談窓口</a:t>
          </a:r>
        </a:p>
      </xdr:txBody>
    </xdr:sp>
    <xdr:clientData/>
  </xdr:twoCellAnchor>
  <mc:AlternateContent xmlns:mc="http://schemas.openxmlformats.org/markup-compatibility/2006">
    <mc:Choice xmlns:a14="http://schemas.microsoft.com/office/drawing/2010/main" Requires="a14">
      <xdr:twoCellAnchor editAs="oneCell">
        <xdr:from>
          <xdr:col>1</xdr:col>
          <xdr:colOff>209550</xdr:colOff>
          <xdr:row>90</xdr:row>
          <xdr:rowOff>333375</xdr:rowOff>
        </xdr:from>
        <xdr:to>
          <xdr:col>1</xdr:col>
          <xdr:colOff>3819525</xdr:colOff>
          <xdr:row>90</xdr:row>
          <xdr:rowOff>1485900</xdr:rowOff>
        </xdr:to>
        <xdr:pic>
          <xdr:nvPicPr>
            <xdr:cNvPr id="87" name="図 86">
              <a:extLst>
                <a:ext uri="{FF2B5EF4-FFF2-40B4-BE49-F238E27FC236}">
                  <a16:creationId xmlns:a16="http://schemas.microsoft.com/office/drawing/2014/main" id="{CC6AC767-E0C5-2529-A9FC-16EDA759D1F0}"/>
                </a:ext>
              </a:extLst>
            </xdr:cNvPr>
            <xdr:cNvPicPr>
              <a:picLocks noChangeAspect="1" noChangeArrowheads="1"/>
              <a:extLst>
                <a:ext uri="{84589F7E-364E-4C9E-8A38-B11213B215E9}">
                  <a14:cameraTool cellRange="各種項目入力欄※ここに入力すると点検表に反映されます!$C$47:$T$51" spid="_x0000_s154299"/>
                </a:ext>
              </a:extLst>
            </xdr:cNvPicPr>
          </xdr:nvPicPr>
          <xdr:blipFill>
            <a:blip xmlns:r="http://schemas.openxmlformats.org/officeDocument/2006/relationships" r:embed="rId33"/>
            <a:srcRect/>
            <a:stretch>
              <a:fillRect/>
            </a:stretch>
          </xdr:blipFill>
          <xdr:spPr bwMode="auto">
            <a:xfrm>
              <a:off x="1476375" y="34309050"/>
              <a:ext cx="3609975" cy="11525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28600</xdr:colOff>
          <xdr:row>104</xdr:row>
          <xdr:rowOff>542925</xdr:rowOff>
        </xdr:from>
        <xdr:to>
          <xdr:col>1</xdr:col>
          <xdr:colOff>4638675</xdr:colOff>
          <xdr:row>104</xdr:row>
          <xdr:rowOff>1466850</xdr:rowOff>
        </xdr:to>
        <xdr:pic>
          <xdr:nvPicPr>
            <xdr:cNvPr id="88" name="図 87">
              <a:hlinkClick xmlns:r="http://schemas.openxmlformats.org/officeDocument/2006/relationships" r:id="rId34"/>
              <a:extLst>
                <a:ext uri="{FF2B5EF4-FFF2-40B4-BE49-F238E27FC236}">
                  <a16:creationId xmlns:a16="http://schemas.microsoft.com/office/drawing/2014/main" id="{3D24389E-6F30-F718-1BCC-99BEFD6CAFDD}"/>
                </a:ext>
              </a:extLst>
            </xdr:cNvPr>
            <xdr:cNvPicPr>
              <a:picLocks noChangeAspect="1" noChangeArrowheads="1"/>
              <a:extLst>
                <a:ext uri="{84589F7E-364E-4C9E-8A38-B11213B215E9}">
                  <a14:cameraTool cellRange="各種項目入力欄※ここに入力すると点検表に反映されます!$C$55" spid="_x0000_s154300"/>
                </a:ext>
              </a:extLst>
            </xdr:cNvPicPr>
          </xdr:nvPicPr>
          <xdr:blipFill>
            <a:blip xmlns:r="http://schemas.openxmlformats.org/officeDocument/2006/relationships" r:embed="rId35"/>
            <a:srcRect/>
            <a:stretch>
              <a:fillRect/>
            </a:stretch>
          </xdr:blipFill>
          <xdr:spPr bwMode="auto">
            <a:xfrm>
              <a:off x="1495425" y="48415575"/>
              <a:ext cx="4410075"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00026</xdr:colOff>
          <xdr:row>106</xdr:row>
          <xdr:rowOff>523876</xdr:rowOff>
        </xdr:from>
        <xdr:to>
          <xdr:col>1</xdr:col>
          <xdr:colOff>4564636</xdr:colOff>
          <xdr:row>106</xdr:row>
          <xdr:rowOff>1438276</xdr:rowOff>
        </xdr:to>
        <xdr:pic>
          <xdr:nvPicPr>
            <xdr:cNvPr id="89" name="図 88">
              <a:extLst>
                <a:ext uri="{FF2B5EF4-FFF2-40B4-BE49-F238E27FC236}">
                  <a16:creationId xmlns:a16="http://schemas.microsoft.com/office/drawing/2014/main" id="{964247B1-7F7F-DB55-557A-B05CB83CAEB6}"/>
                </a:ext>
              </a:extLst>
            </xdr:cNvPr>
            <xdr:cNvPicPr>
              <a:picLocks noChangeAspect="1" noChangeArrowheads="1"/>
              <a:extLst>
                <a:ext uri="{84589F7E-364E-4C9E-8A38-B11213B215E9}">
                  <a14:cameraTool cellRange="各種項目入力欄※ここに入力すると点検表に反映されます!$C$62" spid="_x0000_s154301"/>
                </a:ext>
              </a:extLst>
            </xdr:cNvPicPr>
          </xdr:nvPicPr>
          <xdr:blipFill>
            <a:blip xmlns:r="http://schemas.openxmlformats.org/officeDocument/2006/relationships" r:embed="rId35"/>
            <a:srcRect/>
            <a:stretch>
              <a:fillRect/>
            </a:stretch>
          </xdr:blipFill>
          <xdr:spPr bwMode="auto">
            <a:xfrm>
              <a:off x="1466851" y="53225701"/>
              <a:ext cx="4364610" cy="9144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2875</xdr:colOff>
          <xdr:row>110</xdr:row>
          <xdr:rowOff>238125</xdr:rowOff>
        </xdr:from>
        <xdr:to>
          <xdr:col>1</xdr:col>
          <xdr:colOff>4695825</xdr:colOff>
          <xdr:row>110</xdr:row>
          <xdr:rowOff>1162050</xdr:rowOff>
        </xdr:to>
        <xdr:pic>
          <xdr:nvPicPr>
            <xdr:cNvPr id="91" name="図 90">
              <a:extLst>
                <a:ext uri="{FF2B5EF4-FFF2-40B4-BE49-F238E27FC236}">
                  <a16:creationId xmlns:a16="http://schemas.microsoft.com/office/drawing/2014/main" id="{E530535B-2AFE-1B09-B379-F92F3274F2C5}"/>
                </a:ext>
              </a:extLst>
            </xdr:cNvPr>
            <xdr:cNvPicPr>
              <a:picLocks noChangeAspect="1" noChangeArrowheads="1"/>
              <a:extLst>
                <a:ext uri="{84589F7E-364E-4C9E-8A38-B11213B215E9}">
                  <a14:cameraTool cellRange="各種項目入力欄※ここに入力すると点検表に反映されます!$C$75" spid="_x0000_s154302"/>
                </a:ext>
              </a:extLst>
            </xdr:cNvPicPr>
          </xdr:nvPicPr>
          <xdr:blipFill>
            <a:blip xmlns:r="http://schemas.openxmlformats.org/officeDocument/2006/relationships" r:embed="rId36"/>
            <a:srcRect/>
            <a:stretch>
              <a:fillRect/>
            </a:stretch>
          </xdr:blipFill>
          <xdr:spPr bwMode="auto">
            <a:xfrm>
              <a:off x="1409700" y="58359675"/>
              <a:ext cx="455295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3825</xdr:colOff>
          <xdr:row>120</xdr:row>
          <xdr:rowOff>285750</xdr:rowOff>
        </xdr:from>
        <xdr:to>
          <xdr:col>1</xdr:col>
          <xdr:colOff>4733925</xdr:colOff>
          <xdr:row>120</xdr:row>
          <xdr:rowOff>1209675</xdr:rowOff>
        </xdr:to>
        <xdr:pic>
          <xdr:nvPicPr>
            <xdr:cNvPr id="92" name="図 91">
              <a:hlinkClick xmlns:r="http://schemas.openxmlformats.org/officeDocument/2006/relationships" r:id="rId37"/>
              <a:extLst>
                <a:ext uri="{FF2B5EF4-FFF2-40B4-BE49-F238E27FC236}">
                  <a16:creationId xmlns:a16="http://schemas.microsoft.com/office/drawing/2014/main" id="{4947EFB1-05B4-1EC2-ADDE-CFEF764EEDFE}"/>
                </a:ext>
              </a:extLst>
            </xdr:cNvPr>
            <xdr:cNvPicPr>
              <a:picLocks noChangeAspect="1" noChangeArrowheads="1"/>
              <a:extLst>
                <a:ext uri="{84589F7E-364E-4C9E-8A38-B11213B215E9}">
                  <a14:cameraTool cellRange="各種項目入力欄※ここに入力すると点検表に反映されます!$C$94" spid="_x0000_s154303"/>
                </a:ext>
              </a:extLst>
            </xdr:cNvPicPr>
          </xdr:nvPicPr>
          <xdr:blipFill>
            <a:blip xmlns:r="http://schemas.openxmlformats.org/officeDocument/2006/relationships" r:embed="rId36"/>
            <a:srcRect/>
            <a:stretch>
              <a:fillRect/>
            </a:stretch>
          </xdr:blipFill>
          <xdr:spPr bwMode="auto">
            <a:xfrm>
              <a:off x="1390650" y="73009125"/>
              <a:ext cx="461010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2875</xdr:colOff>
          <xdr:row>121</xdr:row>
          <xdr:rowOff>285750</xdr:rowOff>
        </xdr:from>
        <xdr:to>
          <xdr:col>1</xdr:col>
          <xdr:colOff>4752975</xdr:colOff>
          <xdr:row>121</xdr:row>
          <xdr:rowOff>1209675</xdr:rowOff>
        </xdr:to>
        <xdr:pic>
          <xdr:nvPicPr>
            <xdr:cNvPr id="93" name="図 92">
              <a:hlinkClick xmlns:r="http://schemas.openxmlformats.org/officeDocument/2006/relationships" r:id="rId38"/>
              <a:extLst>
                <a:ext uri="{FF2B5EF4-FFF2-40B4-BE49-F238E27FC236}">
                  <a16:creationId xmlns:a16="http://schemas.microsoft.com/office/drawing/2014/main" id="{5BEE2A74-2C98-BB83-EEB9-B630CCBD4464}"/>
                </a:ext>
              </a:extLst>
            </xdr:cNvPr>
            <xdr:cNvPicPr>
              <a:picLocks noChangeAspect="1" noChangeArrowheads="1"/>
              <a:extLst>
                <a:ext uri="{84589F7E-364E-4C9E-8A38-B11213B215E9}">
                  <a14:cameraTool cellRange="各種項目入力欄※ここに入力すると点検表に反映されます!$C$101" spid="_x0000_s154304"/>
                </a:ext>
              </a:extLst>
            </xdr:cNvPicPr>
          </xdr:nvPicPr>
          <xdr:blipFill>
            <a:blip xmlns:r="http://schemas.openxmlformats.org/officeDocument/2006/relationships" r:embed="rId36"/>
            <a:srcRect/>
            <a:stretch>
              <a:fillRect/>
            </a:stretch>
          </xdr:blipFill>
          <xdr:spPr bwMode="auto">
            <a:xfrm>
              <a:off x="1409700" y="74533125"/>
              <a:ext cx="461010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33350</xdr:colOff>
          <xdr:row>130</xdr:row>
          <xdr:rowOff>276225</xdr:rowOff>
        </xdr:from>
        <xdr:to>
          <xdr:col>1</xdr:col>
          <xdr:colOff>4743450</xdr:colOff>
          <xdr:row>130</xdr:row>
          <xdr:rowOff>1885950</xdr:rowOff>
        </xdr:to>
        <xdr:pic>
          <xdr:nvPicPr>
            <xdr:cNvPr id="94" name="図 93">
              <a:extLst>
                <a:ext uri="{FF2B5EF4-FFF2-40B4-BE49-F238E27FC236}">
                  <a16:creationId xmlns:a16="http://schemas.microsoft.com/office/drawing/2014/main" id="{9BF12CFB-4D5D-F0D3-DD99-E623B92D880D}"/>
                </a:ext>
              </a:extLst>
            </xdr:cNvPr>
            <xdr:cNvPicPr>
              <a:picLocks noChangeAspect="1" noChangeArrowheads="1"/>
              <a:extLst>
                <a:ext uri="{84589F7E-364E-4C9E-8A38-B11213B215E9}">
                  <a14:cameraTool cellRange="各種項目入力欄※ここに入力すると点検表に反映されます!$C$117:$Y$123" spid="_x0000_s154305"/>
                </a:ext>
              </a:extLst>
            </xdr:cNvPicPr>
          </xdr:nvPicPr>
          <xdr:blipFill>
            <a:blip xmlns:r="http://schemas.openxmlformats.org/officeDocument/2006/relationships" r:embed="rId39"/>
            <a:srcRect/>
            <a:stretch>
              <a:fillRect/>
            </a:stretch>
          </xdr:blipFill>
          <xdr:spPr bwMode="auto">
            <a:xfrm>
              <a:off x="1400175" y="83715225"/>
              <a:ext cx="4610100" cy="16097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00025</xdr:colOff>
          <xdr:row>218</xdr:row>
          <xdr:rowOff>219075</xdr:rowOff>
        </xdr:from>
        <xdr:to>
          <xdr:col>1</xdr:col>
          <xdr:colOff>4010025</xdr:colOff>
          <xdr:row>218</xdr:row>
          <xdr:rowOff>685800</xdr:rowOff>
        </xdr:to>
        <xdr:pic>
          <xdr:nvPicPr>
            <xdr:cNvPr id="4" name="図 3">
              <a:extLst>
                <a:ext uri="{FF2B5EF4-FFF2-40B4-BE49-F238E27FC236}">
                  <a16:creationId xmlns:a16="http://schemas.microsoft.com/office/drawing/2014/main" id="{2A6EEF6A-6627-46DC-8577-39D0BB72FF03}"/>
                </a:ext>
              </a:extLst>
            </xdr:cNvPr>
            <xdr:cNvPicPr>
              <a:picLocks noChangeAspect="1" noChangeArrowheads="1"/>
              <a:extLst>
                <a:ext uri="{84589F7E-364E-4C9E-8A38-B11213B215E9}">
                  <a14:cameraTool cellRange="各種項目入力欄※ここに入力すると点検表に反映されます!$C$368:$U$369" spid="_x0000_s154306"/>
                </a:ext>
              </a:extLst>
            </xdr:cNvPicPr>
          </xdr:nvPicPr>
          <xdr:blipFill>
            <a:blip xmlns:r="http://schemas.openxmlformats.org/officeDocument/2006/relationships" r:embed="rId40"/>
            <a:srcRect/>
            <a:stretch>
              <a:fillRect/>
            </a:stretch>
          </xdr:blipFill>
          <xdr:spPr bwMode="auto">
            <a:xfrm>
              <a:off x="1466850" y="209330925"/>
              <a:ext cx="3810000" cy="4667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28600</xdr:colOff>
          <xdr:row>104</xdr:row>
          <xdr:rowOff>542925</xdr:rowOff>
        </xdr:from>
        <xdr:to>
          <xdr:col>1</xdr:col>
          <xdr:colOff>4638675</xdr:colOff>
          <xdr:row>104</xdr:row>
          <xdr:rowOff>1466850</xdr:rowOff>
        </xdr:to>
        <xdr:pic>
          <xdr:nvPicPr>
            <xdr:cNvPr id="100862" name="図 87">
              <a:hlinkClick xmlns:r="http://schemas.openxmlformats.org/officeDocument/2006/relationships" r:id="rId34"/>
              <a:extLst>
                <a:ext uri="{FF2B5EF4-FFF2-40B4-BE49-F238E27FC236}">
                  <a16:creationId xmlns:a16="http://schemas.microsoft.com/office/drawing/2014/main" id="{220F8555-892C-E5AD-6F3F-2EE92EA31D48}"/>
                </a:ext>
              </a:extLst>
            </xdr:cNvPr>
            <xdr:cNvPicPr>
              <a:picLocks noChangeAspect="1" noChangeArrowheads="1"/>
              <a:extLst>
                <a:ext uri="{84589F7E-364E-4C9E-8A38-B11213B215E9}">
                  <a14:cameraTool cellRange="各種項目入力欄※ここに入力すると点検表に反映されます!$C$55" spid="_x0000_s154307"/>
                </a:ext>
              </a:extLst>
            </xdr:cNvPicPr>
          </xdr:nvPicPr>
          <xdr:blipFill>
            <a:blip xmlns:r="http://schemas.openxmlformats.org/officeDocument/2006/relationships" r:embed="rId35"/>
            <a:srcRect/>
            <a:stretch>
              <a:fillRect/>
            </a:stretch>
          </xdr:blipFill>
          <xdr:spPr bwMode="auto">
            <a:xfrm>
              <a:off x="1495425" y="47363063"/>
              <a:ext cx="4410075"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3825</xdr:colOff>
          <xdr:row>120</xdr:row>
          <xdr:rowOff>285750</xdr:rowOff>
        </xdr:from>
        <xdr:to>
          <xdr:col>1</xdr:col>
          <xdr:colOff>4733925</xdr:colOff>
          <xdr:row>120</xdr:row>
          <xdr:rowOff>1209675</xdr:rowOff>
        </xdr:to>
        <xdr:pic>
          <xdr:nvPicPr>
            <xdr:cNvPr id="100866" name="図 91">
              <a:hlinkClick xmlns:r="http://schemas.openxmlformats.org/officeDocument/2006/relationships" r:id="rId37"/>
              <a:extLst>
                <a:ext uri="{FF2B5EF4-FFF2-40B4-BE49-F238E27FC236}">
                  <a16:creationId xmlns:a16="http://schemas.microsoft.com/office/drawing/2014/main" id="{C673882B-8100-8524-040E-49A2313D1075}"/>
                </a:ext>
              </a:extLst>
            </xdr:cNvPr>
            <xdr:cNvPicPr>
              <a:picLocks noChangeAspect="1" noChangeArrowheads="1"/>
              <a:extLst>
                <a:ext uri="{84589F7E-364E-4C9E-8A38-B11213B215E9}">
                  <a14:cameraTool cellRange="各種項目入力欄※ここに入力すると点検表に反映されます!$C$94" spid="_x0000_s154308"/>
                </a:ext>
              </a:extLst>
            </xdr:cNvPicPr>
          </xdr:nvPicPr>
          <xdr:blipFill>
            <a:blip xmlns:r="http://schemas.openxmlformats.org/officeDocument/2006/relationships" r:embed="rId36"/>
            <a:srcRect/>
            <a:stretch>
              <a:fillRect/>
            </a:stretch>
          </xdr:blipFill>
          <xdr:spPr bwMode="auto">
            <a:xfrm>
              <a:off x="1390650" y="71956613"/>
              <a:ext cx="461010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2875</xdr:colOff>
          <xdr:row>121</xdr:row>
          <xdr:rowOff>285750</xdr:rowOff>
        </xdr:from>
        <xdr:to>
          <xdr:col>1</xdr:col>
          <xdr:colOff>4752975</xdr:colOff>
          <xdr:row>121</xdr:row>
          <xdr:rowOff>1209675</xdr:rowOff>
        </xdr:to>
        <xdr:pic>
          <xdr:nvPicPr>
            <xdr:cNvPr id="100867" name="図 92">
              <a:hlinkClick xmlns:r="http://schemas.openxmlformats.org/officeDocument/2006/relationships" r:id="rId38"/>
              <a:extLst>
                <a:ext uri="{FF2B5EF4-FFF2-40B4-BE49-F238E27FC236}">
                  <a16:creationId xmlns:a16="http://schemas.microsoft.com/office/drawing/2014/main" id="{58EA4182-CF3A-8044-FD8C-55794EC50DB9}"/>
                </a:ext>
              </a:extLst>
            </xdr:cNvPr>
            <xdr:cNvPicPr>
              <a:picLocks noChangeAspect="1" noChangeArrowheads="1"/>
              <a:extLst>
                <a:ext uri="{84589F7E-364E-4C9E-8A38-B11213B215E9}">
                  <a14:cameraTool cellRange="各種項目入力欄※ここに入力すると点検表に反映されます!$C$101" spid="_x0000_s154309"/>
                </a:ext>
              </a:extLst>
            </xdr:cNvPicPr>
          </xdr:nvPicPr>
          <xdr:blipFill>
            <a:blip xmlns:r="http://schemas.openxmlformats.org/officeDocument/2006/relationships" r:embed="rId36"/>
            <a:srcRect/>
            <a:stretch>
              <a:fillRect/>
            </a:stretch>
          </xdr:blipFill>
          <xdr:spPr bwMode="auto">
            <a:xfrm>
              <a:off x="1409700" y="73480613"/>
              <a:ext cx="461010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28600</xdr:colOff>
          <xdr:row>104</xdr:row>
          <xdr:rowOff>542925</xdr:rowOff>
        </xdr:from>
        <xdr:to>
          <xdr:col>1</xdr:col>
          <xdr:colOff>4638675</xdr:colOff>
          <xdr:row>104</xdr:row>
          <xdr:rowOff>1466850</xdr:rowOff>
        </xdr:to>
        <xdr:pic>
          <xdr:nvPicPr>
            <xdr:cNvPr id="100930" name="Picture 7746">
              <a:extLst>
                <a:ext uri="{FF2B5EF4-FFF2-40B4-BE49-F238E27FC236}">
                  <a16:creationId xmlns:a16="http://schemas.microsoft.com/office/drawing/2014/main" id="{81E6870F-E8F9-4F75-9984-CAA215C3C3F1}"/>
                </a:ext>
              </a:extLst>
            </xdr:cNvPr>
            <xdr:cNvPicPr>
              <a:picLocks noChangeAspect="1" noChangeArrowheads="1"/>
              <a:extLst>
                <a:ext uri="{84589F7E-364E-4C9E-8A38-B11213B215E9}">
                  <a14:cameraTool cellRange="各種項目入力欄※ここに入力すると点検表に反映されます!$C$55" spid="_x0000_s154310"/>
                </a:ext>
              </a:extLst>
            </xdr:cNvPicPr>
          </xdr:nvPicPr>
          <xdr:blipFill>
            <a:blip xmlns:r="http://schemas.openxmlformats.org/officeDocument/2006/relationships" r:embed="rId35"/>
            <a:srcRect/>
            <a:stretch>
              <a:fillRect/>
            </a:stretch>
          </xdr:blipFill>
          <xdr:spPr bwMode="auto">
            <a:xfrm>
              <a:off x="1495425" y="47363063"/>
              <a:ext cx="4410075"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3825</xdr:colOff>
          <xdr:row>120</xdr:row>
          <xdr:rowOff>285750</xdr:rowOff>
        </xdr:from>
        <xdr:to>
          <xdr:col>1</xdr:col>
          <xdr:colOff>4733925</xdr:colOff>
          <xdr:row>120</xdr:row>
          <xdr:rowOff>1209675</xdr:rowOff>
        </xdr:to>
        <xdr:pic>
          <xdr:nvPicPr>
            <xdr:cNvPr id="100934" name="Picture 7750">
              <a:extLst>
                <a:ext uri="{FF2B5EF4-FFF2-40B4-BE49-F238E27FC236}">
                  <a16:creationId xmlns:a16="http://schemas.microsoft.com/office/drawing/2014/main" id="{01F5D714-6700-0013-0140-33A452C4D7E6}"/>
                </a:ext>
              </a:extLst>
            </xdr:cNvPr>
            <xdr:cNvPicPr>
              <a:picLocks noChangeAspect="1" noChangeArrowheads="1"/>
              <a:extLst>
                <a:ext uri="{84589F7E-364E-4C9E-8A38-B11213B215E9}">
                  <a14:cameraTool cellRange="各種項目入力欄※ここに入力すると点検表に反映されます!$C$94" spid="_x0000_s154311"/>
                </a:ext>
              </a:extLst>
            </xdr:cNvPicPr>
          </xdr:nvPicPr>
          <xdr:blipFill>
            <a:blip xmlns:r="http://schemas.openxmlformats.org/officeDocument/2006/relationships" r:embed="rId36"/>
            <a:srcRect/>
            <a:stretch>
              <a:fillRect/>
            </a:stretch>
          </xdr:blipFill>
          <xdr:spPr bwMode="auto">
            <a:xfrm>
              <a:off x="1390650" y="71956613"/>
              <a:ext cx="461010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2875</xdr:colOff>
          <xdr:row>121</xdr:row>
          <xdr:rowOff>285750</xdr:rowOff>
        </xdr:from>
        <xdr:to>
          <xdr:col>1</xdr:col>
          <xdr:colOff>4752975</xdr:colOff>
          <xdr:row>121</xdr:row>
          <xdr:rowOff>1209675</xdr:rowOff>
        </xdr:to>
        <xdr:pic>
          <xdr:nvPicPr>
            <xdr:cNvPr id="100935" name="Picture 7751">
              <a:extLst>
                <a:ext uri="{FF2B5EF4-FFF2-40B4-BE49-F238E27FC236}">
                  <a16:creationId xmlns:a16="http://schemas.microsoft.com/office/drawing/2014/main" id="{C58CBC51-B3F0-2505-B39C-C9B4D8A5576F}"/>
                </a:ext>
              </a:extLst>
            </xdr:cNvPr>
            <xdr:cNvPicPr>
              <a:picLocks noChangeAspect="1" noChangeArrowheads="1"/>
              <a:extLst>
                <a:ext uri="{84589F7E-364E-4C9E-8A38-B11213B215E9}">
                  <a14:cameraTool cellRange="各種項目入力欄※ここに入力すると点検表に反映されます!$C$101" spid="_x0000_s154312"/>
                </a:ext>
              </a:extLst>
            </xdr:cNvPicPr>
          </xdr:nvPicPr>
          <xdr:blipFill>
            <a:blip xmlns:r="http://schemas.openxmlformats.org/officeDocument/2006/relationships" r:embed="rId36"/>
            <a:srcRect/>
            <a:stretch>
              <a:fillRect/>
            </a:stretch>
          </xdr:blipFill>
          <xdr:spPr bwMode="auto">
            <a:xfrm>
              <a:off x="1409700" y="73480613"/>
              <a:ext cx="461010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47650</xdr:colOff>
          <xdr:row>74</xdr:row>
          <xdr:rowOff>371475</xdr:rowOff>
        </xdr:from>
        <xdr:to>
          <xdr:col>3</xdr:col>
          <xdr:colOff>180975</xdr:colOff>
          <xdr:row>74</xdr:row>
          <xdr:rowOff>1057275</xdr:rowOff>
        </xdr:to>
        <xdr:pic>
          <xdr:nvPicPr>
            <xdr:cNvPr id="7" name="図 6">
              <a:extLst>
                <a:ext uri="{FF2B5EF4-FFF2-40B4-BE49-F238E27FC236}">
                  <a16:creationId xmlns:a16="http://schemas.microsoft.com/office/drawing/2014/main" id="{4C39B0DD-635F-04B1-CA22-8A207BB62302}"/>
                </a:ext>
              </a:extLst>
            </xdr:cNvPr>
            <xdr:cNvPicPr>
              <a:picLocks noChangeAspect="1" noChangeArrowheads="1"/>
              <a:extLst>
                <a:ext uri="{84589F7E-364E-4C9E-8A38-B11213B215E9}">
                  <a14:cameraTool cellRange="各種項目入力欄※ここに入力すると点検表に反映されます!$C$5:$AB$6" spid="_x0000_s154313"/>
                </a:ext>
              </a:extLst>
            </xdr:cNvPicPr>
          </xdr:nvPicPr>
          <xdr:blipFill>
            <a:blip xmlns:r="http://schemas.openxmlformats.org/officeDocument/2006/relationships" r:embed="rId41"/>
            <a:srcRect/>
            <a:stretch>
              <a:fillRect/>
            </a:stretch>
          </xdr:blipFill>
          <xdr:spPr bwMode="auto">
            <a:xfrm>
              <a:off x="1514475" y="14439900"/>
              <a:ext cx="5210175" cy="6858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0975</xdr:colOff>
          <xdr:row>141</xdr:row>
          <xdr:rowOff>533400</xdr:rowOff>
        </xdr:from>
        <xdr:to>
          <xdr:col>1</xdr:col>
          <xdr:colOff>4591050</xdr:colOff>
          <xdr:row>141</xdr:row>
          <xdr:rowOff>1362075</xdr:rowOff>
        </xdr:to>
        <xdr:pic>
          <xdr:nvPicPr>
            <xdr:cNvPr id="8" name="図 7">
              <a:extLst>
                <a:ext uri="{FF2B5EF4-FFF2-40B4-BE49-F238E27FC236}">
                  <a16:creationId xmlns:a16="http://schemas.microsoft.com/office/drawing/2014/main" id="{4D77F91E-42BA-3467-CDF1-40DE9B9BB81A}"/>
                </a:ext>
              </a:extLst>
            </xdr:cNvPr>
            <xdr:cNvPicPr>
              <a:picLocks noChangeAspect="1" noChangeArrowheads="1"/>
              <a:extLst>
                <a:ext uri="{84589F7E-364E-4C9E-8A38-B11213B215E9}">
                  <a14:cameraTool cellRange="各種項目入力欄※ここに入力すると点検表に反映されます!$C$151:$X$152" spid="_x0000_s154314"/>
                </a:ext>
              </a:extLst>
            </xdr:cNvPicPr>
          </xdr:nvPicPr>
          <xdr:blipFill>
            <a:blip xmlns:r="http://schemas.openxmlformats.org/officeDocument/2006/relationships" r:embed="rId42"/>
            <a:srcRect/>
            <a:stretch>
              <a:fillRect/>
            </a:stretch>
          </xdr:blipFill>
          <xdr:spPr bwMode="auto">
            <a:xfrm>
              <a:off x="1447800" y="100022025"/>
              <a:ext cx="4410075" cy="82867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80975</xdr:colOff>
          <xdr:row>185</xdr:row>
          <xdr:rowOff>361950</xdr:rowOff>
        </xdr:from>
        <xdr:to>
          <xdr:col>1</xdr:col>
          <xdr:colOff>4391025</xdr:colOff>
          <xdr:row>185</xdr:row>
          <xdr:rowOff>1628775</xdr:rowOff>
        </xdr:to>
        <xdr:pic>
          <xdr:nvPicPr>
            <xdr:cNvPr id="11" name="図 10">
              <a:extLst>
                <a:ext uri="{FF2B5EF4-FFF2-40B4-BE49-F238E27FC236}">
                  <a16:creationId xmlns:a16="http://schemas.microsoft.com/office/drawing/2014/main" id="{795FD922-8D9D-036E-22A8-BC53DB034377}"/>
                </a:ext>
              </a:extLst>
            </xdr:cNvPr>
            <xdr:cNvPicPr>
              <a:picLocks noChangeAspect="1" noChangeArrowheads="1"/>
              <a:extLst>
                <a:ext uri="{84589F7E-364E-4C9E-8A38-B11213B215E9}">
                  <a14:cameraTool cellRange="各種項目入力欄※ここに入力すると点検表に反映されます!$C$278:$W$283" spid="_x0000_s154315"/>
                </a:ext>
              </a:extLst>
            </xdr:cNvPicPr>
          </xdr:nvPicPr>
          <xdr:blipFill>
            <a:blip xmlns:r="http://schemas.openxmlformats.org/officeDocument/2006/relationships" r:embed="rId43"/>
            <a:srcRect/>
            <a:stretch>
              <a:fillRect/>
            </a:stretch>
          </xdr:blipFill>
          <xdr:spPr bwMode="auto">
            <a:xfrm>
              <a:off x="1447800" y="169164000"/>
              <a:ext cx="4210050" cy="12668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xdr:colOff>
          <xdr:row>209</xdr:row>
          <xdr:rowOff>57151</xdr:rowOff>
        </xdr:from>
        <xdr:to>
          <xdr:col>11</xdr:col>
          <xdr:colOff>209550</xdr:colOff>
          <xdr:row>215</xdr:row>
          <xdr:rowOff>1200151</xdr:rowOff>
        </xdr:to>
        <xdr:pic>
          <xdr:nvPicPr>
            <xdr:cNvPr id="13" name="図 12">
              <a:extLst>
                <a:ext uri="{FF2B5EF4-FFF2-40B4-BE49-F238E27FC236}">
                  <a16:creationId xmlns:a16="http://schemas.microsoft.com/office/drawing/2014/main" id="{D2855E13-47C4-6E97-7E18-4EE772D234F4}"/>
                </a:ext>
              </a:extLst>
            </xdr:cNvPr>
            <xdr:cNvPicPr>
              <a:picLocks noChangeAspect="1" noChangeArrowheads="1"/>
              <a:extLst>
                <a:ext uri="{84589F7E-364E-4C9E-8A38-B11213B215E9}">
                  <a14:cameraTool cellRange="各種項目入力欄※ここに入力すると点検表に反映されます!$C$350:$AL$365" spid="_x0000_s154316"/>
                </a:ext>
              </a:extLst>
            </xdr:cNvPicPr>
          </xdr:nvPicPr>
          <xdr:blipFill>
            <a:blip xmlns:r="http://schemas.openxmlformats.org/officeDocument/2006/relationships" r:embed="rId44"/>
            <a:srcRect/>
            <a:stretch>
              <a:fillRect/>
            </a:stretch>
          </xdr:blipFill>
          <xdr:spPr bwMode="auto">
            <a:xfrm>
              <a:off x="7419975" y="199872601"/>
              <a:ext cx="7210425" cy="87439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220</xdr:row>
          <xdr:rowOff>285750</xdr:rowOff>
        </xdr:from>
        <xdr:to>
          <xdr:col>1</xdr:col>
          <xdr:colOff>4029075</xdr:colOff>
          <xdr:row>220</xdr:row>
          <xdr:rowOff>1895475</xdr:rowOff>
        </xdr:to>
        <xdr:pic>
          <xdr:nvPicPr>
            <xdr:cNvPr id="14" name="図 13">
              <a:extLst>
                <a:ext uri="{FF2B5EF4-FFF2-40B4-BE49-F238E27FC236}">
                  <a16:creationId xmlns:a16="http://schemas.microsoft.com/office/drawing/2014/main" id="{EED754A7-2F34-4E8E-0B64-496A3862ED31}"/>
                </a:ext>
              </a:extLst>
            </xdr:cNvPr>
            <xdr:cNvPicPr>
              <a:picLocks noChangeAspect="1" noChangeArrowheads="1"/>
              <a:extLst>
                <a:ext uri="{84589F7E-364E-4C9E-8A38-B11213B215E9}">
                  <a14:cameraTool cellRange="各種項目入力欄※ここに入力すると点検表に反映されます!$C$372:$U$378" spid="_x0000_s154317"/>
                </a:ext>
              </a:extLst>
            </xdr:cNvPicPr>
          </xdr:nvPicPr>
          <xdr:blipFill>
            <a:blip xmlns:r="http://schemas.openxmlformats.org/officeDocument/2006/relationships" r:embed="rId45"/>
            <a:srcRect/>
            <a:stretch>
              <a:fillRect/>
            </a:stretch>
          </xdr:blipFill>
          <xdr:spPr bwMode="auto">
            <a:xfrm>
              <a:off x="1485900" y="210893025"/>
              <a:ext cx="3810000" cy="16097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7175</xdr:colOff>
          <xdr:row>282</xdr:row>
          <xdr:rowOff>476250</xdr:rowOff>
        </xdr:from>
        <xdr:to>
          <xdr:col>1</xdr:col>
          <xdr:colOff>4067175</xdr:colOff>
          <xdr:row>282</xdr:row>
          <xdr:rowOff>1171575</xdr:rowOff>
        </xdr:to>
        <xdr:pic>
          <xdr:nvPicPr>
            <xdr:cNvPr id="6" name="図 5">
              <a:extLst>
                <a:ext uri="{FF2B5EF4-FFF2-40B4-BE49-F238E27FC236}">
                  <a16:creationId xmlns:a16="http://schemas.microsoft.com/office/drawing/2014/main" id="{26DC8158-20BD-14DC-3D72-E7C3990193D5}"/>
                </a:ext>
              </a:extLst>
            </xdr:cNvPr>
            <xdr:cNvPicPr>
              <a:picLocks noChangeAspect="1" noChangeArrowheads="1"/>
              <a:extLst>
                <a:ext uri="{84589F7E-364E-4C9E-8A38-B11213B215E9}">
                  <a14:cameraTool cellRange="各種項目入力欄※ここに入力すると点検表に反映されます!$C$459" spid="_x0000_s154318"/>
                </a:ext>
              </a:extLst>
            </xdr:cNvPicPr>
          </xdr:nvPicPr>
          <xdr:blipFill>
            <a:blip xmlns:r="http://schemas.openxmlformats.org/officeDocument/2006/relationships" r:embed="rId28"/>
            <a:srcRect/>
            <a:stretch>
              <a:fillRect/>
            </a:stretch>
          </xdr:blipFill>
          <xdr:spPr bwMode="auto">
            <a:xfrm>
              <a:off x="1524000" y="272586450"/>
              <a:ext cx="3810000" cy="6953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9050</xdr:colOff>
          <xdr:row>166</xdr:row>
          <xdr:rowOff>1</xdr:rowOff>
        </xdr:from>
        <xdr:to>
          <xdr:col>4</xdr:col>
          <xdr:colOff>394926</xdr:colOff>
          <xdr:row>171</xdr:row>
          <xdr:rowOff>1085851</xdr:rowOff>
        </xdr:to>
        <xdr:pic>
          <xdr:nvPicPr>
            <xdr:cNvPr id="18" name="図 17">
              <a:extLst>
                <a:ext uri="{FF2B5EF4-FFF2-40B4-BE49-F238E27FC236}">
                  <a16:creationId xmlns:a16="http://schemas.microsoft.com/office/drawing/2014/main" id="{3034D5E6-7285-F9D9-12C3-7CCED693F4A2}"/>
                </a:ext>
              </a:extLst>
            </xdr:cNvPr>
            <xdr:cNvPicPr>
              <a:picLocks noChangeAspect="1" noChangeArrowheads="1"/>
              <a:extLst>
                <a:ext uri="{84589F7E-364E-4C9E-8A38-B11213B215E9}">
                  <a14:cameraTool cellRange="各種項目入力欄※ここに入力すると点検表に反映されます!$C$204:$AS$223" spid="_x0000_s154319"/>
                </a:ext>
              </a:extLst>
            </xdr:cNvPicPr>
          </xdr:nvPicPr>
          <xdr:blipFill>
            <a:blip xmlns:r="http://schemas.openxmlformats.org/officeDocument/2006/relationships" r:embed="rId46"/>
            <a:srcRect/>
            <a:stretch>
              <a:fillRect/>
            </a:stretch>
          </xdr:blipFill>
          <xdr:spPr bwMode="auto">
            <a:xfrm>
              <a:off x="19050" y="138617326"/>
              <a:ext cx="7348176" cy="80391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66</xdr:row>
          <xdr:rowOff>0</xdr:rowOff>
        </xdr:from>
        <xdr:to>
          <xdr:col>11</xdr:col>
          <xdr:colOff>85725</xdr:colOff>
          <xdr:row>168</xdr:row>
          <xdr:rowOff>466725</xdr:rowOff>
        </xdr:to>
        <xdr:pic>
          <xdr:nvPicPr>
            <xdr:cNvPr id="19" name="図 18">
              <a:extLst>
                <a:ext uri="{FF2B5EF4-FFF2-40B4-BE49-F238E27FC236}">
                  <a16:creationId xmlns:a16="http://schemas.microsoft.com/office/drawing/2014/main" id="{9AA9780E-3405-C413-4B2D-7B0FD4FACD47}"/>
                </a:ext>
              </a:extLst>
            </xdr:cNvPr>
            <xdr:cNvPicPr>
              <a:picLocks noChangeAspect="1" noChangeArrowheads="1"/>
              <a:extLst>
                <a:ext uri="{84589F7E-364E-4C9E-8A38-B11213B215E9}">
                  <a14:cameraTool cellRange="各種項目入力欄※ここに入力すると点検表に反映されます!$C$226:$AK$235" spid="_x0000_s154320"/>
                </a:ext>
              </a:extLst>
            </xdr:cNvPicPr>
          </xdr:nvPicPr>
          <xdr:blipFill>
            <a:blip xmlns:r="http://schemas.openxmlformats.org/officeDocument/2006/relationships" r:embed="rId47"/>
            <a:srcRect/>
            <a:stretch>
              <a:fillRect/>
            </a:stretch>
          </xdr:blipFill>
          <xdr:spPr bwMode="auto">
            <a:xfrm>
              <a:off x="7496175" y="138617325"/>
              <a:ext cx="7010400" cy="32480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95275</xdr:colOff>
          <xdr:row>153</xdr:row>
          <xdr:rowOff>447675</xdr:rowOff>
        </xdr:from>
        <xdr:to>
          <xdr:col>1</xdr:col>
          <xdr:colOff>4505325</xdr:colOff>
          <xdr:row>153</xdr:row>
          <xdr:rowOff>1371600</xdr:rowOff>
        </xdr:to>
        <xdr:pic>
          <xdr:nvPicPr>
            <xdr:cNvPr id="20" name="図 19">
              <a:extLst>
                <a:ext uri="{FF2B5EF4-FFF2-40B4-BE49-F238E27FC236}">
                  <a16:creationId xmlns:a16="http://schemas.microsoft.com/office/drawing/2014/main" id="{D77909CC-F4BF-3D0A-0E95-2D26CC86FCC5}"/>
                </a:ext>
              </a:extLst>
            </xdr:cNvPr>
            <xdr:cNvPicPr>
              <a:picLocks noChangeAspect="1" noChangeArrowheads="1"/>
              <a:extLst>
                <a:ext uri="{84589F7E-364E-4C9E-8A38-B11213B215E9}">
                  <a14:cameraTool cellRange="各種項目入力欄※ここに入力すると点検表に反映されます!$C$173:$W$176" spid="_x0000_s154321"/>
                </a:ext>
              </a:extLst>
            </xdr:cNvPicPr>
          </xdr:nvPicPr>
          <xdr:blipFill>
            <a:blip xmlns:r="http://schemas.openxmlformats.org/officeDocument/2006/relationships" r:embed="rId48"/>
            <a:srcRect/>
            <a:stretch>
              <a:fillRect/>
            </a:stretch>
          </xdr:blipFill>
          <xdr:spPr bwMode="auto">
            <a:xfrm>
              <a:off x="1562100" y="118691025"/>
              <a:ext cx="421005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38125</xdr:colOff>
          <xdr:row>147</xdr:row>
          <xdr:rowOff>533400</xdr:rowOff>
        </xdr:from>
        <xdr:to>
          <xdr:col>1</xdr:col>
          <xdr:colOff>3848100</xdr:colOff>
          <xdr:row>147</xdr:row>
          <xdr:rowOff>771525</xdr:rowOff>
        </xdr:to>
        <xdr:pic>
          <xdr:nvPicPr>
            <xdr:cNvPr id="21" name="図 20">
              <a:extLst>
                <a:ext uri="{FF2B5EF4-FFF2-40B4-BE49-F238E27FC236}">
                  <a16:creationId xmlns:a16="http://schemas.microsoft.com/office/drawing/2014/main" id="{126432E6-88B3-E3E2-A94B-6A71B6BA03E1}"/>
                </a:ext>
              </a:extLst>
            </xdr:cNvPr>
            <xdr:cNvPicPr>
              <a:picLocks noChangeAspect="1" noChangeArrowheads="1"/>
              <a:extLst>
                <a:ext uri="{84589F7E-364E-4C9E-8A38-B11213B215E9}">
                  <a14:cameraTool cellRange="各種項目入力欄※ここに入力すると点検表に反映されます!$C$162:$T$162" spid="_x0000_s154322"/>
                </a:ext>
              </a:extLst>
            </xdr:cNvPicPr>
          </xdr:nvPicPr>
          <xdr:blipFill>
            <a:blip xmlns:r="http://schemas.openxmlformats.org/officeDocument/2006/relationships" r:embed="rId49"/>
            <a:srcRect/>
            <a:stretch>
              <a:fillRect/>
            </a:stretch>
          </xdr:blipFill>
          <xdr:spPr bwMode="auto">
            <a:xfrm>
              <a:off x="1504950" y="110356650"/>
              <a:ext cx="3609975" cy="2381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23849</xdr:colOff>
          <xdr:row>304</xdr:row>
          <xdr:rowOff>809625</xdr:rowOff>
        </xdr:from>
        <xdr:to>
          <xdr:col>1</xdr:col>
          <xdr:colOff>4448174</xdr:colOff>
          <xdr:row>304</xdr:row>
          <xdr:rowOff>3294531</xdr:rowOff>
        </xdr:to>
        <xdr:pic>
          <xdr:nvPicPr>
            <xdr:cNvPr id="16" name="図 15">
              <a:extLst>
                <a:ext uri="{FF2B5EF4-FFF2-40B4-BE49-F238E27FC236}">
                  <a16:creationId xmlns:a16="http://schemas.microsoft.com/office/drawing/2014/main" id="{07876737-701D-2EB3-1799-BEEEBA407341}"/>
                </a:ext>
              </a:extLst>
            </xdr:cNvPr>
            <xdr:cNvPicPr>
              <a:picLocks noChangeAspect="1" noChangeArrowheads="1"/>
              <a:extLst>
                <a:ext uri="{84589F7E-364E-4C9E-8A38-B11213B215E9}">
                  <a14:cameraTool cellRange="各種項目入力欄※ここに入力すると点検表に反映されます!$C$478" spid="_x0000_s154323"/>
                </a:ext>
              </a:extLst>
            </xdr:cNvPicPr>
          </xdr:nvPicPr>
          <xdr:blipFill>
            <a:blip xmlns:r="http://schemas.openxmlformats.org/officeDocument/2006/relationships" r:embed="rId50"/>
            <a:srcRect/>
            <a:stretch>
              <a:fillRect/>
            </a:stretch>
          </xdr:blipFill>
          <xdr:spPr bwMode="auto">
            <a:xfrm>
              <a:off x="1590674" y="290055300"/>
              <a:ext cx="4124325" cy="2484906"/>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7175</xdr:colOff>
          <xdr:row>302</xdr:row>
          <xdr:rowOff>219075</xdr:rowOff>
        </xdr:from>
        <xdr:to>
          <xdr:col>1</xdr:col>
          <xdr:colOff>4067175</xdr:colOff>
          <xdr:row>302</xdr:row>
          <xdr:rowOff>1371600</xdr:rowOff>
        </xdr:to>
        <xdr:pic>
          <xdr:nvPicPr>
            <xdr:cNvPr id="29" name="図 28">
              <a:extLst>
                <a:ext uri="{FF2B5EF4-FFF2-40B4-BE49-F238E27FC236}">
                  <a16:creationId xmlns:a16="http://schemas.microsoft.com/office/drawing/2014/main" id="{34151A2D-44D1-25A6-076C-E764F053F0C5}"/>
                </a:ext>
              </a:extLst>
            </xdr:cNvPr>
            <xdr:cNvPicPr>
              <a:picLocks noChangeAspect="1" noChangeArrowheads="1"/>
              <a:extLst>
                <a:ext uri="{84589F7E-364E-4C9E-8A38-B11213B215E9}">
                  <a14:cameraTool cellRange="各種項目入力欄※ここに入力すると点検表に反映されます!$C$471" spid="_x0000_s154324"/>
                </a:ext>
              </a:extLst>
            </xdr:cNvPicPr>
          </xdr:nvPicPr>
          <xdr:blipFill>
            <a:blip xmlns:r="http://schemas.openxmlformats.org/officeDocument/2006/relationships" r:embed="rId51"/>
            <a:srcRect/>
            <a:stretch>
              <a:fillRect/>
            </a:stretch>
          </xdr:blipFill>
          <xdr:spPr bwMode="auto">
            <a:xfrm>
              <a:off x="1524000" y="287245425"/>
              <a:ext cx="3810000" cy="11525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7175</xdr:colOff>
          <xdr:row>291</xdr:row>
          <xdr:rowOff>342900</xdr:rowOff>
        </xdr:from>
        <xdr:to>
          <xdr:col>1</xdr:col>
          <xdr:colOff>4067175</xdr:colOff>
          <xdr:row>291</xdr:row>
          <xdr:rowOff>1266825</xdr:rowOff>
        </xdr:to>
        <xdr:pic>
          <xdr:nvPicPr>
            <xdr:cNvPr id="37" name="図 36">
              <a:extLst>
                <a:ext uri="{FF2B5EF4-FFF2-40B4-BE49-F238E27FC236}">
                  <a16:creationId xmlns:a16="http://schemas.microsoft.com/office/drawing/2014/main" id="{8975E703-9201-C1E6-6C97-4310EDEEF452}"/>
                </a:ext>
              </a:extLst>
            </xdr:cNvPr>
            <xdr:cNvPicPr>
              <a:picLocks noChangeAspect="1" noChangeArrowheads="1"/>
              <a:extLst>
                <a:ext uri="{84589F7E-364E-4C9E-8A38-B11213B215E9}">
                  <a14:cameraTool cellRange="各種項目入力欄※ここに入力すると点検表に反映されます!$C$464" spid="_x0000_s154325"/>
                </a:ext>
              </a:extLst>
            </xdr:cNvPicPr>
          </xdr:nvPicPr>
          <xdr:blipFill>
            <a:blip xmlns:r="http://schemas.openxmlformats.org/officeDocument/2006/relationships" r:embed="rId52"/>
            <a:srcRect/>
            <a:stretch>
              <a:fillRect/>
            </a:stretch>
          </xdr:blipFill>
          <xdr:spPr bwMode="auto">
            <a:xfrm>
              <a:off x="1524000" y="280120725"/>
              <a:ext cx="3810000" cy="9239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71</xdr:row>
          <xdr:rowOff>171450</xdr:rowOff>
        </xdr:from>
        <xdr:to>
          <xdr:col>6</xdr:col>
          <xdr:colOff>47625</xdr:colOff>
          <xdr:row>72</xdr:row>
          <xdr:rowOff>285750</xdr:rowOff>
        </xdr:to>
        <xdr:sp macro="" textlink="">
          <xdr:nvSpPr>
            <xdr:cNvPr id="154263" name="Check Box 18071" hidden="1">
              <a:extLst>
                <a:ext uri="{63B3BB69-23CF-44E3-9099-C40C66FF867C}">
                  <a14:compatExt spid="_x0000_s154263"/>
                </a:ext>
                <a:ext uri="{FF2B5EF4-FFF2-40B4-BE49-F238E27FC236}">
                  <a16:creationId xmlns:a16="http://schemas.microsoft.com/office/drawing/2014/main" id="{00000000-0008-0000-0600-0000975A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304800</xdr:colOff>
          <xdr:row>72</xdr:row>
          <xdr:rowOff>38100</xdr:rowOff>
        </xdr:from>
        <xdr:to>
          <xdr:col>15</xdr:col>
          <xdr:colOff>19050</xdr:colOff>
          <xdr:row>72</xdr:row>
          <xdr:rowOff>400050</xdr:rowOff>
        </xdr:to>
        <xdr:sp macro="" textlink="">
          <xdr:nvSpPr>
            <xdr:cNvPr id="154264" name="Check Box 18072" hidden="1">
              <a:extLst>
                <a:ext uri="{63B3BB69-23CF-44E3-9099-C40C66FF867C}">
                  <a14:compatExt spid="_x0000_s154264"/>
                </a:ext>
                <a:ext uri="{FF2B5EF4-FFF2-40B4-BE49-F238E27FC236}">
                  <a16:creationId xmlns:a16="http://schemas.microsoft.com/office/drawing/2014/main" id="{00000000-0008-0000-0600-0000985A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33350</xdr:colOff>
          <xdr:row>108</xdr:row>
          <xdr:rowOff>619125</xdr:rowOff>
        </xdr:from>
        <xdr:to>
          <xdr:col>1</xdr:col>
          <xdr:colOff>4743450</xdr:colOff>
          <xdr:row>108</xdr:row>
          <xdr:rowOff>1314450</xdr:rowOff>
        </xdr:to>
        <xdr:pic>
          <xdr:nvPicPr>
            <xdr:cNvPr id="10" name="図 9">
              <a:extLst>
                <a:ext uri="{FF2B5EF4-FFF2-40B4-BE49-F238E27FC236}">
                  <a16:creationId xmlns:a16="http://schemas.microsoft.com/office/drawing/2014/main" id="{17B57BF0-9E83-BB38-BDF3-B5C246DF9E3E}"/>
                </a:ext>
              </a:extLst>
            </xdr:cNvPr>
            <xdr:cNvPicPr>
              <a:picLocks noChangeAspect="1" noChangeArrowheads="1"/>
              <a:extLst>
                <a:ext uri="{84589F7E-364E-4C9E-8A38-B11213B215E9}">
                  <a14:cameraTool cellRange="各種項目入力欄※ここに入力すると点検表に反映されます!$C$69:$Y$70" spid="_x0000_s154326"/>
                </a:ext>
              </a:extLst>
            </xdr:cNvPicPr>
          </xdr:nvPicPr>
          <xdr:blipFill>
            <a:blip xmlns:r="http://schemas.openxmlformats.org/officeDocument/2006/relationships" r:embed="rId53"/>
            <a:srcRect/>
            <a:stretch>
              <a:fillRect/>
            </a:stretch>
          </xdr:blipFill>
          <xdr:spPr bwMode="auto">
            <a:xfrm>
              <a:off x="1400175" y="56530875"/>
              <a:ext cx="4610100" cy="6953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42925</xdr:colOff>
          <xdr:row>239</xdr:row>
          <xdr:rowOff>152400</xdr:rowOff>
        </xdr:from>
        <xdr:to>
          <xdr:col>1</xdr:col>
          <xdr:colOff>3952875</xdr:colOff>
          <xdr:row>239</xdr:row>
          <xdr:rowOff>1000125</xdr:rowOff>
        </xdr:to>
        <xdr:pic>
          <xdr:nvPicPr>
            <xdr:cNvPr id="22" name="図 21">
              <a:extLst>
                <a:ext uri="{FF2B5EF4-FFF2-40B4-BE49-F238E27FC236}">
                  <a16:creationId xmlns:a16="http://schemas.microsoft.com/office/drawing/2014/main" id="{6436497B-81A3-AFD8-E0E6-146A76C11D07}"/>
                </a:ext>
              </a:extLst>
            </xdr:cNvPr>
            <xdr:cNvPicPr>
              <a:picLocks noChangeAspect="1" noChangeArrowheads="1"/>
              <a:extLst>
                <a:ext uri="{84589F7E-364E-4C9E-8A38-B11213B215E9}">
                  <a14:cameraTool cellRange="各種項目入力欄※ここに入力すると点検表に反映されます!$C$387:$S$389" spid="_x0000_s154327"/>
                </a:ext>
              </a:extLst>
            </xdr:cNvPicPr>
          </xdr:nvPicPr>
          <xdr:blipFill>
            <a:blip xmlns:r="http://schemas.openxmlformats.org/officeDocument/2006/relationships" r:embed="rId54"/>
            <a:srcRect/>
            <a:stretch>
              <a:fillRect/>
            </a:stretch>
          </xdr:blipFill>
          <xdr:spPr bwMode="auto">
            <a:xfrm>
              <a:off x="1809750" y="227876100"/>
              <a:ext cx="3409950" cy="8477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2875</xdr:colOff>
          <xdr:row>79</xdr:row>
          <xdr:rowOff>304800</xdr:rowOff>
        </xdr:from>
        <xdr:to>
          <xdr:col>6</xdr:col>
          <xdr:colOff>19050</xdr:colOff>
          <xdr:row>79</xdr:row>
          <xdr:rowOff>2162175</xdr:rowOff>
        </xdr:to>
        <xdr:pic>
          <xdr:nvPicPr>
            <xdr:cNvPr id="9" name="図 8">
              <a:extLst>
                <a:ext uri="{FF2B5EF4-FFF2-40B4-BE49-F238E27FC236}">
                  <a16:creationId xmlns:a16="http://schemas.microsoft.com/office/drawing/2014/main" id="{925E5564-5A74-5A91-D90D-89D2CC5F1E83}"/>
                </a:ext>
              </a:extLst>
            </xdr:cNvPr>
            <xdr:cNvPicPr>
              <a:picLocks noChangeAspect="1" noChangeArrowheads="1"/>
              <a:extLst>
                <a:ext uri="{84589F7E-364E-4C9E-8A38-B11213B215E9}">
                  <a14:cameraTool cellRange="各種項目入力欄※ここに入力すると点検表に反映されます!$C$9:$AF$18" spid="_x0000_s154328"/>
                </a:ext>
              </a:extLst>
            </xdr:cNvPicPr>
          </xdr:nvPicPr>
          <xdr:blipFill>
            <a:blip xmlns:r="http://schemas.openxmlformats.org/officeDocument/2006/relationships" r:embed="rId55"/>
            <a:srcRect/>
            <a:stretch>
              <a:fillRect/>
            </a:stretch>
          </xdr:blipFill>
          <xdr:spPr bwMode="auto">
            <a:xfrm>
              <a:off x="1409700" y="17992725"/>
              <a:ext cx="6010275" cy="185737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3825</xdr:colOff>
          <xdr:row>80</xdr:row>
          <xdr:rowOff>180975</xdr:rowOff>
        </xdr:from>
        <xdr:to>
          <xdr:col>4</xdr:col>
          <xdr:colOff>228600</xdr:colOff>
          <xdr:row>80</xdr:row>
          <xdr:rowOff>1885950</xdr:rowOff>
        </xdr:to>
        <xdr:pic>
          <xdr:nvPicPr>
            <xdr:cNvPr id="25" name="図 24">
              <a:extLst>
                <a:ext uri="{FF2B5EF4-FFF2-40B4-BE49-F238E27FC236}">
                  <a16:creationId xmlns:a16="http://schemas.microsoft.com/office/drawing/2014/main" id="{E6749E91-0A91-E4B0-1A95-89C895C8A010}"/>
                </a:ext>
              </a:extLst>
            </xdr:cNvPr>
            <xdr:cNvPicPr>
              <a:picLocks noChangeAspect="1" noChangeArrowheads="1"/>
              <a:extLst>
                <a:ext uri="{84589F7E-364E-4C9E-8A38-B11213B215E9}">
                  <a14:cameraTool cellRange="各種項目入力欄※ここに入力すると点検表に反映されます!$C$23:$AE$30" spid="_x0000_s154329"/>
                </a:ext>
              </a:extLst>
            </xdr:cNvPicPr>
          </xdr:nvPicPr>
          <xdr:blipFill>
            <a:blip xmlns:r="http://schemas.openxmlformats.org/officeDocument/2006/relationships" r:embed="rId56"/>
            <a:srcRect/>
            <a:stretch>
              <a:fillRect/>
            </a:stretch>
          </xdr:blipFill>
          <xdr:spPr bwMode="auto">
            <a:xfrm>
              <a:off x="1390650" y="20545425"/>
              <a:ext cx="5810250" cy="170497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1925</xdr:colOff>
          <xdr:row>180</xdr:row>
          <xdr:rowOff>495300</xdr:rowOff>
        </xdr:from>
        <xdr:to>
          <xdr:col>1</xdr:col>
          <xdr:colOff>4171950</xdr:colOff>
          <xdr:row>180</xdr:row>
          <xdr:rowOff>2105025</xdr:rowOff>
        </xdr:to>
        <xdr:pic>
          <xdr:nvPicPr>
            <xdr:cNvPr id="31" name="図 30">
              <a:extLst>
                <a:ext uri="{FF2B5EF4-FFF2-40B4-BE49-F238E27FC236}">
                  <a16:creationId xmlns:a16="http://schemas.microsoft.com/office/drawing/2014/main" id="{BA5ACBA7-69F6-4023-B6F1-CE6516118F8B}"/>
                </a:ext>
              </a:extLst>
            </xdr:cNvPr>
            <xdr:cNvPicPr>
              <a:picLocks noChangeAspect="1" noChangeArrowheads="1"/>
              <a:extLst>
                <a:ext uri="{84589F7E-364E-4C9E-8A38-B11213B215E9}">
                  <a14:cameraTool cellRange="各種項目入力欄※ここに入力すると点検表に反映されます!$C$249:$V$255" spid="_x0000_s154330"/>
                </a:ext>
              </a:extLst>
            </xdr:cNvPicPr>
          </xdr:nvPicPr>
          <xdr:blipFill>
            <a:blip xmlns:r="http://schemas.openxmlformats.org/officeDocument/2006/relationships" r:embed="rId57"/>
            <a:srcRect/>
            <a:stretch>
              <a:fillRect/>
            </a:stretch>
          </xdr:blipFill>
          <xdr:spPr bwMode="auto">
            <a:xfrm>
              <a:off x="1428750" y="156533850"/>
              <a:ext cx="4010025" cy="160972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71450</xdr:colOff>
          <xdr:row>182</xdr:row>
          <xdr:rowOff>466726</xdr:rowOff>
        </xdr:from>
        <xdr:to>
          <xdr:col>1</xdr:col>
          <xdr:colOff>4181475</xdr:colOff>
          <xdr:row>182</xdr:row>
          <xdr:rowOff>1704976</xdr:rowOff>
        </xdr:to>
        <xdr:pic>
          <xdr:nvPicPr>
            <xdr:cNvPr id="38" name="図 37">
              <a:extLst>
                <a:ext uri="{FF2B5EF4-FFF2-40B4-BE49-F238E27FC236}">
                  <a16:creationId xmlns:a16="http://schemas.microsoft.com/office/drawing/2014/main" id="{AFA376EA-BDD9-15DB-B17C-734183B1E3D1}"/>
                </a:ext>
              </a:extLst>
            </xdr:cNvPr>
            <xdr:cNvPicPr>
              <a:picLocks noChangeAspect="1" noChangeArrowheads="1"/>
              <a:extLst>
                <a:ext uri="{84589F7E-364E-4C9E-8A38-B11213B215E9}">
                  <a14:cameraTool cellRange="各種項目入力欄※ここに入力すると点検表に反映されます!$C$258:$V$262" spid="_x0000_s154331"/>
                </a:ext>
              </a:extLst>
            </xdr:cNvPicPr>
          </xdr:nvPicPr>
          <xdr:blipFill>
            <a:blip xmlns:r="http://schemas.openxmlformats.org/officeDocument/2006/relationships" r:embed="rId58"/>
            <a:srcRect/>
            <a:stretch>
              <a:fillRect/>
            </a:stretch>
          </xdr:blipFill>
          <xdr:spPr bwMode="auto">
            <a:xfrm>
              <a:off x="1438275" y="159772351"/>
              <a:ext cx="4010025" cy="12382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28600</xdr:colOff>
          <xdr:row>183</xdr:row>
          <xdr:rowOff>1047750</xdr:rowOff>
        </xdr:from>
        <xdr:to>
          <xdr:col>1</xdr:col>
          <xdr:colOff>4238625</xdr:colOff>
          <xdr:row>183</xdr:row>
          <xdr:rowOff>2657475</xdr:rowOff>
        </xdr:to>
        <xdr:pic>
          <xdr:nvPicPr>
            <xdr:cNvPr id="39" name="図 38">
              <a:extLst>
                <a:ext uri="{FF2B5EF4-FFF2-40B4-BE49-F238E27FC236}">
                  <a16:creationId xmlns:a16="http://schemas.microsoft.com/office/drawing/2014/main" id="{164C9485-8F59-3343-BDC2-528DD2A70693}"/>
                </a:ext>
              </a:extLst>
            </xdr:cNvPr>
            <xdr:cNvPicPr>
              <a:picLocks noChangeAspect="1" noChangeArrowheads="1"/>
              <a:extLst>
                <a:ext uri="{84589F7E-364E-4C9E-8A38-B11213B215E9}">
                  <a14:cameraTool cellRange="各種項目入力欄※ここに入力すると点検表に反映されます!$C$265:$V$271" spid="_x0000_s154332"/>
                </a:ext>
              </a:extLst>
            </xdr:cNvPicPr>
          </xdr:nvPicPr>
          <xdr:blipFill>
            <a:blip xmlns:r="http://schemas.openxmlformats.org/officeDocument/2006/relationships" r:embed="rId59"/>
            <a:srcRect/>
            <a:stretch>
              <a:fillRect/>
            </a:stretch>
          </xdr:blipFill>
          <xdr:spPr bwMode="auto">
            <a:xfrm>
              <a:off x="1495425" y="163258500"/>
              <a:ext cx="4010025" cy="1609725"/>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04775</xdr:colOff>
          <xdr:row>372</xdr:row>
          <xdr:rowOff>104775</xdr:rowOff>
        </xdr:from>
        <xdr:to>
          <xdr:col>3</xdr:col>
          <xdr:colOff>104775</xdr:colOff>
          <xdr:row>373</xdr:row>
          <xdr:rowOff>133350</xdr:rowOff>
        </xdr:to>
        <xdr:sp macro="" textlink="">
          <xdr:nvSpPr>
            <xdr:cNvPr id="146436" name="Check Box 4" hidden="1">
              <a:extLst>
                <a:ext uri="{63B3BB69-23CF-44E3-9099-C40C66FF867C}">
                  <a14:compatExt spid="_x0000_s146436"/>
                </a:ext>
                <a:ext uri="{FF2B5EF4-FFF2-40B4-BE49-F238E27FC236}">
                  <a16:creationId xmlns:a16="http://schemas.microsoft.com/office/drawing/2014/main" id="{00000000-0008-0000-0700-0000043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4300</xdr:colOff>
          <xdr:row>374</xdr:row>
          <xdr:rowOff>209550</xdr:rowOff>
        </xdr:from>
        <xdr:to>
          <xdr:col>3</xdr:col>
          <xdr:colOff>114300</xdr:colOff>
          <xdr:row>376</xdr:row>
          <xdr:rowOff>9525</xdr:rowOff>
        </xdr:to>
        <xdr:sp macro="" textlink="">
          <xdr:nvSpPr>
            <xdr:cNvPr id="146437" name="Check Box 5" hidden="1">
              <a:extLst>
                <a:ext uri="{63B3BB69-23CF-44E3-9099-C40C66FF867C}">
                  <a14:compatExt spid="_x0000_s146437"/>
                </a:ext>
                <a:ext uri="{FF2B5EF4-FFF2-40B4-BE49-F238E27FC236}">
                  <a16:creationId xmlns:a16="http://schemas.microsoft.com/office/drawing/2014/main" id="{00000000-0008-0000-0700-0000053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4775</xdr:colOff>
          <xdr:row>375</xdr:row>
          <xdr:rowOff>219075</xdr:rowOff>
        </xdr:from>
        <xdr:to>
          <xdr:col>3</xdr:col>
          <xdr:colOff>104775</xdr:colOff>
          <xdr:row>377</xdr:row>
          <xdr:rowOff>19050</xdr:rowOff>
        </xdr:to>
        <xdr:sp macro="" textlink="">
          <xdr:nvSpPr>
            <xdr:cNvPr id="146438" name="Check Box 6" hidden="1">
              <a:extLst>
                <a:ext uri="{63B3BB69-23CF-44E3-9099-C40C66FF867C}">
                  <a14:compatExt spid="_x0000_s146438"/>
                </a:ext>
                <a:ext uri="{FF2B5EF4-FFF2-40B4-BE49-F238E27FC236}">
                  <a16:creationId xmlns:a16="http://schemas.microsoft.com/office/drawing/2014/main" id="{00000000-0008-0000-0700-0000063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4775</xdr:colOff>
          <xdr:row>376</xdr:row>
          <xdr:rowOff>219075</xdr:rowOff>
        </xdr:from>
        <xdr:to>
          <xdr:col>3</xdr:col>
          <xdr:colOff>104775</xdr:colOff>
          <xdr:row>378</xdr:row>
          <xdr:rowOff>19050</xdr:rowOff>
        </xdr:to>
        <xdr:sp macro="" textlink="">
          <xdr:nvSpPr>
            <xdr:cNvPr id="146439" name="Check Box 7" hidden="1">
              <a:extLst>
                <a:ext uri="{63B3BB69-23CF-44E3-9099-C40C66FF867C}">
                  <a14:compatExt spid="_x0000_s146439"/>
                </a:ext>
                <a:ext uri="{FF2B5EF4-FFF2-40B4-BE49-F238E27FC236}">
                  <a16:creationId xmlns:a16="http://schemas.microsoft.com/office/drawing/2014/main" id="{00000000-0008-0000-0700-0000073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5250</xdr:colOff>
          <xdr:row>370</xdr:row>
          <xdr:rowOff>219075</xdr:rowOff>
        </xdr:from>
        <xdr:to>
          <xdr:col>9</xdr:col>
          <xdr:colOff>95250</xdr:colOff>
          <xdr:row>372</xdr:row>
          <xdr:rowOff>19050</xdr:rowOff>
        </xdr:to>
        <xdr:sp macro="" textlink="">
          <xdr:nvSpPr>
            <xdr:cNvPr id="146440" name="Check Box 8" hidden="1">
              <a:extLst>
                <a:ext uri="{63B3BB69-23CF-44E3-9099-C40C66FF867C}">
                  <a14:compatExt spid="_x0000_s146440"/>
                </a:ext>
                <a:ext uri="{FF2B5EF4-FFF2-40B4-BE49-F238E27FC236}">
                  <a16:creationId xmlns:a16="http://schemas.microsoft.com/office/drawing/2014/main" id="{00000000-0008-0000-0700-0000083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5250</xdr:colOff>
          <xdr:row>371</xdr:row>
          <xdr:rowOff>219075</xdr:rowOff>
        </xdr:from>
        <xdr:to>
          <xdr:col>9</xdr:col>
          <xdr:colOff>95250</xdr:colOff>
          <xdr:row>373</xdr:row>
          <xdr:rowOff>19050</xdr:rowOff>
        </xdr:to>
        <xdr:sp macro="" textlink="">
          <xdr:nvSpPr>
            <xdr:cNvPr id="146441" name="Check Box 9" hidden="1">
              <a:extLst>
                <a:ext uri="{63B3BB69-23CF-44E3-9099-C40C66FF867C}">
                  <a14:compatExt spid="_x0000_s146441"/>
                </a:ext>
                <a:ext uri="{FF2B5EF4-FFF2-40B4-BE49-F238E27FC236}">
                  <a16:creationId xmlns:a16="http://schemas.microsoft.com/office/drawing/2014/main" id="{00000000-0008-0000-0700-0000093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85725</xdr:colOff>
          <xdr:row>373</xdr:row>
          <xdr:rowOff>76200</xdr:rowOff>
        </xdr:from>
        <xdr:to>
          <xdr:col>9</xdr:col>
          <xdr:colOff>85725</xdr:colOff>
          <xdr:row>374</xdr:row>
          <xdr:rowOff>104775</xdr:rowOff>
        </xdr:to>
        <xdr:sp macro="" textlink="">
          <xdr:nvSpPr>
            <xdr:cNvPr id="146442" name="Check Box 10" hidden="1">
              <a:extLst>
                <a:ext uri="{63B3BB69-23CF-44E3-9099-C40C66FF867C}">
                  <a14:compatExt spid="_x0000_s146442"/>
                </a:ext>
                <a:ext uri="{FF2B5EF4-FFF2-40B4-BE49-F238E27FC236}">
                  <a16:creationId xmlns:a16="http://schemas.microsoft.com/office/drawing/2014/main" id="{00000000-0008-0000-0700-00000A3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7.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7.xml"/><Relationship Id="rId3" Type="http://schemas.openxmlformats.org/officeDocument/2006/relationships/vmlDrawing" Target="../drawings/vmlDrawing2.vml"/><Relationship Id="rId7" Type="http://schemas.openxmlformats.org/officeDocument/2006/relationships/ctrlProp" Target="../ctrlProps/ctrlProp6.xml"/><Relationship Id="rId2" Type="http://schemas.openxmlformats.org/officeDocument/2006/relationships/drawing" Target="../drawings/drawing3.xml"/><Relationship Id="rId1" Type="http://schemas.openxmlformats.org/officeDocument/2006/relationships/printerSettings" Target="../printerSettings/printerSettings8.bin"/><Relationship Id="rId6" Type="http://schemas.openxmlformats.org/officeDocument/2006/relationships/ctrlProp" Target="../ctrlProps/ctrlProp5.xml"/><Relationship Id="rId5" Type="http://schemas.openxmlformats.org/officeDocument/2006/relationships/ctrlProp" Target="../ctrlProps/ctrlProp4.xml"/><Relationship Id="rId10" Type="http://schemas.openxmlformats.org/officeDocument/2006/relationships/ctrlProp" Target="../ctrlProps/ctrlProp9.xml"/><Relationship Id="rId4" Type="http://schemas.openxmlformats.org/officeDocument/2006/relationships/ctrlProp" Target="../ctrlProps/ctrlProp3.xml"/><Relationship Id="rId9" Type="http://schemas.openxmlformats.org/officeDocument/2006/relationships/ctrlProp" Target="../ctrlProps/ctrlProp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F81542-A7CC-48E8-BA9F-65625C3D783F}">
  <dimension ref="A1:I83"/>
  <sheetViews>
    <sheetView showGridLines="0" tabSelected="1" view="pageBreakPreview" zoomScaleNormal="100" zoomScaleSheetLayoutView="100" workbookViewId="0">
      <selection activeCell="D7" sqref="D7:H8"/>
    </sheetView>
  </sheetViews>
  <sheetFormatPr defaultRowHeight="20.100000000000001" customHeight="1" x14ac:dyDescent="0.4"/>
  <cols>
    <col min="1" max="1" width="6.625" style="10" customWidth="1"/>
    <col min="2" max="2" width="15.625" style="10" customWidth="1"/>
    <col min="3" max="3" width="12.625" style="10" customWidth="1"/>
    <col min="4" max="4" width="4.625" style="10" customWidth="1"/>
    <col min="5" max="5" width="10.625" style="10" customWidth="1"/>
    <col min="6" max="6" width="4.625" style="10" customWidth="1"/>
    <col min="7" max="7" width="15.625" style="10" customWidth="1"/>
    <col min="8" max="8" width="6.625" style="10" customWidth="1"/>
    <col min="9" max="9" width="7" style="10" customWidth="1"/>
    <col min="10" max="16384" width="9" style="10"/>
  </cols>
  <sheetData>
    <row r="1" spans="1:9" ht="24.95" customHeight="1" x14ac:dyDescent="0.4">
      <c r="A1" s="299" t="s">
        <v>1061</v>
      </c>
      <c r="B1" s="300"/>
    </row>
    <row r="2" spans="1:9" ht="24.95" customHeight="1" x14ac:dyDescent="0.4">
      <c r="A2" s="303" t="s">
        <v>1205</v>
      </c>
      <c r="B2" s="304"/>
    </row>
    <row r="4" spans="1:9" ht="20.100000000000001" customHeight="1" x14ac:dyDescent="0.4">
      <c r="A4" s="309" t="s">
        <v>0</v>
      </c>
      <c r="B4" s="309"/>
      <c r="C4" s="309"/>
      <c r="D4" s="309"/>
      <c r="E4" s="309"/>
      <c r="F4" s="309"/>
      <c r="G4" s="309"/>
      <c r="H4" s="309"/>
      <c r="I4" s="310"/>
    </row>
    <row r="5" spans="1:9" ht="20.100000000000001" customHeight="1" x14ac:dyDescent="0.4">
      <c r="A5" s="309" t="s">
        <v>1</v>
      </c>
      <c r="B5" s="309"/>
      <c r="C5" s="309"/>
      <c r="D5" s="309"/>
      <c r="E5" s="309"/>
      <c r="F5" s="309"/>
      <c r="G5" s="309"/>
      <c r="H5" s="309"/>
      <c r="I5" s="310"/>
    </row>
    <row r="6" spans="1:9" ht="24.95" customHeight="1" thickBot="1" x14ac:dyDescent="0.45"/>
    <row r="7" spans="1:9" ht="20.100000000000001" customHeight="1" thickBot="1" x14ac:dyDescent="0.45">
      <c r="B7" s="306" t="s">
        <v>2</v>
      </c>
      <c r="C7" s="308" t="s">
        <v>3</v>
      </c>
      <c r="D7" s="305"/>
      <c r="E7" s="305"/>
      <c r="F7" s="305"/>
      <c r="G7" s="305"/>
      <c r="H7" s="305"/>
    </row>
    <row r="8" spans="1:9" ht="20.100000000000001" customHeight="1" thickBot="1" x14ac:dyDescent="0.45">
      <c r="B8" s="307"/>
      <c r="C8" s="308"/>
      <c r="D8" s="305"/>
      <c r="E8" s="305"/>
      <c r="F8" s="305"/>
      <c r="G8" s="305"/>
      <c r="H8" s="305"/>
    </row>
    <row r="9" spans="1:9" ht="24.95" customHeight="1" thickBot="1" x14ac:dyDescent="0.45">
      <c r="B9" s="307"/>
      <c r="C9" s="180" t="s">
        <v>4</v>
      </c>
      <c r="D9" s="305"/>
      <c r="E9" s="305"/>
      <c r="F9" s="305"/>
      <c r="G9" s="305"/>
      <c r="H9" s="305"/>
    </row>
    <row r="10" spans="1:9" ht="24.95" customHeight="1" thickBot="1" x14ac:dyDescent="0.45">
      <c r="B10" s="307"/>
      <c r="C10" s="180" t="s">
        <v>5</v>
      </c>
      <c r="D10" s="305"/>
      <c r="E10" s="305"/>
      <c r="F10" s="305"/>
      <c r="G10" s="305"/>
      <c r="H10" s="305"/>
    </row>
    <row r="11" spans="1:9" ht="24.95" customHeight="1" thickBot="1" x14ac:dyDescent="0.45">
      <c r="B11" s="288" t="s">
        <v>6</v>
      </c>
      <c r="C11" s="290" t="s">
        <v>3</v>
      </c>
      <c r="D11" s="291" t="s">
        <v>7</v>
      </c>
      <c r="E11" s="291"/>
      <c r="F11" s="291"/>
      <c r="G11" s="291"/>
      <c r="H11" s="291"/>
    </row>
    <row r="12" spans="1:9" ht="24.95" customHeight="1" thickBot="1" x14ac:dyDescent="0.45">
      <c r="B12" s="289"/>
      <c r="C12" s="285"/>
      <c r="D12" s="291" t="s">
        <v>8</v>
      </c>
      <c r="E12" s="291"/>
      <c r="F12" s="291"/>
      <c r="G12" s="291"/>
      <c r="H12" s="291"/>
    </row>
    <row r="13" spans="1:9" ht="24.95" customHeight="1" thickBot="1" x14ac:dyDescent="0.45">
      <c r="B13" s="289"/>
      <c r="C13" s="285"/>
      <c r="D13" s="292"/>
      <c r="E13" s="292"/>
      <c r="F13" s="292"/>
      <c r="G13" s="292"/>
      <c r="H13" s="292"/>
    </row>
    <row r="14" spans="1:9" ht="24.95" customHeight="1" thickBot="1" x14ac:dyDescent="0.45">
      <c r="B14" s="289"/>
      <c r="C14" s="177" t="s">
        <v>9</v>
      </c>
      <c r="D14" s="293"/>
      <c r="E14" s="293"/>
      <c r="F14" s="293"/>
      <c r="G14" s="293"/>
      <c r="H14" s="293"/>
    </row>
    <row r="15" spans="1:9" ht="24.95" customHeight="1" thickBot="1" x14ac:dyDescent="0.45">
      <c r="B15" s="289"/>
      <c r="C15" s="177" t="s">
        <v>10</v>
      </c>
      <c r="D15" s="293"/>
      <c r="E15" s="293"/>
      <c r="F15" s="293"/>
      <c r="G15" s="293"/>
      <c r="H15" s="293"/>
    </row>
    <row r="16" spans="1:9" ht="24.95" customHeight="1" thickBot="1" x14ac:dyDescent="0.45">
      <c r="B16" s="289"/>
      <c r="C16" s="177" t="s">
        <v>11</v>
      </c>
      <c r="D16" s="293"/>
      <c r="E16" s="293"/>
      <c r="F16" s="293"/>
      <c r="G16" s="293"/>
      <c r="H16" s="293"/>
    </row>
    <row r="17" spans="2:8" ht="24.95" customHeight="1" thickBot="1" x14ac:dyDescent="0.45">
      <c r="B17" s="289"/>
      <c r="C17" s="177" t="s">
        <v>12</v>
      </c>
      <c r="D17" s="21" t="s">
        <v>13</v>
      </c>
      <c r="E17" s="298"/>
      <c r="F17" s="293"/>
      <c r="G17" s="293"/>
      <c r="H17" s="293"/>
    </row>
    <row r="18" spans="2:8" ht="24.95" customHeight="1" thickBot="1" x14ac:dyDescent="0.45">
      <c r="B18" s="289" t="s">
        <v>14</v>
      </c>
      <c r="C18" s="177" t="s">
        <v>15</v>
      </c>
      <c r="D18" s="301" t="s">
        <v>1053</v>
      </c>
      <c r="E18" s="301"/>
      <c r="F18" s="301"/>
      <c r="G18" s="301"/>
      <c r="H18" s="302"/>
    </row>
    <row r="19" spans="2:8" ht="24.95" customHeight="1" thickBot="1" x14ac:dyDescent="0.45">
      <c r="B19" s="289"/>
      <c r="C19" s="285" t="s">
        <v>16</v>
      </c>
      <c r="D19" s="22" t="s">
        <v>17</v>
      </c>
      <c r="E19" s="218"/>
      <c r="F19" s="23" t="s">
        <v>13</v>
      </c>
      <c r="G19" s="311"/>
      <c r="H19" s="312"/>
    </row>
    <row r="20" spans="2:8" ht="24.95" customHeight="1" thickBot="1" x14ac:dyDescent="0.45">
      <c r="B20" s="289"/>
      <c r="C20" s="285"/>
      <c r="D20" s="24" t="s">
        <v>17</v>
      </c>
      <c r="E20" s="219"/>
      <c r="F20" s="25" t="s">
        <v>13</v>
      </c>
      <c r="G20" s="313"/>
      <c r="H20" s="314"/>
    </row>
    <row r="21" spans="2:8" ht="24.95" customHeight="1" thickBot="1" x14ac:dyDescent="0.45">
      <c r="B21" s="284" t="s">
        <v>18</v>
      </c>
      <c r="C21" s="285" t="s">
        <v>19</v>
      </c>
      <c r="D21" s="26" t="s">
        <v>17</v>
      </c>
      <c r="E21" s="220"/>
      <c r="F21" s="26" t="s">
        <v>13</v>
      </c>
      <c r="G21" s="26"/>
      <c r="H21" s="27"/>
    </row>
    <row r="22" spans="2:8" ht="24.95" customHeight="1" thickBot="1" x14ac:dyDescent="0.45">
      <c r="B22" s="284"/>
      <c r="C22" s="285"/>
      <c r="D22" s="28" t="s">
        <v>17</v>
      </c>
      <c r="E22" s="216"/>
      <c r="F22" s="16" t="s">
        <v>13</v>
      </c>
      <c r="G22" s="16"/>
      <c r="H22" s="29"/>
    </row>
    <row r="23" spans="2:8" ht="24.95" customHeight="1" thickBot="1" x14ac:dyDescent="0.45">
      <c r="B23" s="284"/>
      <c r="C23" s="285"/>
      <c r="D23" s="28" t="s">
        <v>17</v>
      </c>
      <c r="E23" s="216"/>
      <c r="F23" s="16" t="s">
        <v>13</v>
      </c>
      <c r="G23" s="16"/>
      <c r="H23" s="29"/>
    </row>
    <row r="24" spans="2:8" ht="24.95" customHeight="1" thickBot="1" x14ac:dyDescent="0.45">
      <c r="B24" s="284"/>
      <c r="C24" s="285"/>
      <c r="D24" s="30" t="s">
        <v>17</v>
      </c>
      <c r="E24" s="221"/>
      <c r="F24" s="30" t="s">
        <v>13</v>
      </c>
      <c r="G24" s="30"/>
      <c r="H24" s="31"/>
    </row>
    <row r="25" spans="2:8" ht="20.100000000000001" customHeight="1" x14ac:dyDescent="0.4">
      <c r="B25" s="10" t="s">
        <v>20</v>
      </c>
    </row>
    <row r="26" spans="2:8" ht="24.95" customHeight="1" x14ac:dyDescent="0.4"/>
    <row r="27" spans="2:8" ht="24.95" customHeight="1" x14ac:dyDescent="0.4">
      <c r="B27" s="294" t="s">
        <v>21</v>
      </c>
      <c r="C27" s="176" t="s">
        <v>22</v>
      </c>
      <c r="D27" s="295" t="s">
        <v>1052</v>
      </c>
      <c r="E27" s="295"/>
      <c r="F27" s="295"/>
      <c r="G27" s="295"/>
      <c r="H27" s="296"/>
    </row>
    <row r="28" spans="2:8" ht="24.95" customHeight="1" x14ac:dyDescent="0.4">
      <c r="B28" s="294"/>
      <c r="C28" s="297" t="s">
        <v>23</v>
      </c>
      <c r="D28" s="12" t="s">
        <v>17</v>
      </c>
      <c r="E28" s="258"/>
      <c r="F28" s="13" t="s">
        <v>13</v>
      </c>
      <c r="G28" s="215"/>
      <c r="H28" s="14"/>
    </row>
    <row r="29" spans="2:8" ht="24.95" customHeight="1" x14ac:dyDescent="0.4">
      <c r="B29" s="294"/>
      <c r="C29" s="297"/>
      <c r="D29" s="15" t="s">
        <v>17</v>
      </c>
      <c r="E29" s="259"/>
      <c r="F29" s="16" t="s">
        <v>13</v>
      </c>
      <c r="G29" s="216"/>
      <c r="H29" s="17"/>
    </row>
    <row r="30" spans="2:8" ht="24.95" customHeight="1" x14ac:dyDescent="0.4">
      <c r="B30" s="294"/>
      <c r="C30" s="297"/>
      <c r="D30" s="18" t="s">
        <v>17</v>
      </c>
      <c r="E30" s="260"/>
      <c r="F30" s="19" t="s">
        <v>13</v>
      </c>
      <c r="G30" s="217"/>
      <c r="H30" s="20"/>
    </row>
    <row r="31" spans="2:8" ht="20.100000000000001" customHeight="1" x14ac:dyDescent="0.4">
      <c r="B31" s="10" t="s">
        <v>24</v>
      </c>
    </row>
    <row r="33" spans="1:9" ht="15.95" customHeight="1" x14ac:dyDescent="0.4">
      <c r="A33" s="286" t="s">
        <v>25</v>
      </c>
      <c r="B33" s="286"/>
      <c r="C33" s="286"/>
      <c r="D33" s="286"/>
      <c r="E33" s="286"/>
      <c r="F33" s="286"/>
      <c r="G33" s="286"/>
      <c r="H33" s="286"/>
      <c r="I33" s="287"/>
    </row>
    <row r="34" spans="1:9" ht="15.95" customHeight="1" x14ac:dyDescent="0.4">
      <c r="A34" s="138" t="s">
        <v>26</v>
      </c>
      <c r="B34" s="26"/>
      <c r="C34" s="26"/>
      <c r="D34" s="26"/>
      <c r="E34" s="26"/>
      <c r="F34" s="26"/>
      <c r="G34" s="26"/>
      <c r="H34" s="26"/>
      <c r="I34" s="26"/>
    </row>
    <row r="35" spans="1:9" ht="15.95" customHeight="1" x14ac:dyDescent="0.4">
      <c r="A35" s="26" t="s">
        <v>1062</v>
      </c>
      <c r="B35" s="26"/>
      <c r="C35" s="26"/>
      <c r="D35" s="26"/>
      <c r="E35" s="26"/>
      <c r="F35" s="26"/>
      <c r="G35" s="26"/>
      <c r="H35" s="26" t="s">
        <v>27</v>
      </c>
      <c r="I35" s="32" t="s">
        <v>1047</v>
      </c>
    </row>
    <row r="36" spans="1:9" ht="15.95" customHeight="1" x14ac:dyDescent="0.4">
      <c r="A36" s="26" t="s">
        <v>1063</v>
      </c>
      <c r="B36" s="26"/>
      <c r="C36" s="26"/>
      <c r="D36" s="26"/>
      <c r="E36" s="26"/>
      <c r="F36" s="26"/>
      <c r="G36" s="26"/>
      <c r="H36" s="26"/>
      <c r="I36" s="32" t="s">
        <v>1048</v>
      </c>
    </row>
    <row r="37" spans="1:9" ht="15.75" customHeight="1" x14ac:dyDescent="0.4">
      <c r="A37" s="26" t="s">
        <v>1069</v>
      </c>
      <c r="B37" s="26"/>
      <c r="C37" s="26"/>
      <c r="D37" s="26"/>
      <c r="E37" s="26"/>
      <c r="F37" s="26"/>
      <c r="G37" s="26"/>
      <c r="H37" s="10" t="s">
        <v>27</v>
      </c>
      <c r="I37" s="32" t="s">
        <v>28</v>
      </c>
    </row>
    <row r="38" spans="1:9" ht="15.95" customHeight="1" x14ac:dyDescent="0.4">
      <c r="A38" s="26" t="s">
        <v>1070</v>
      </c>
      <c r="B38" s="26"/>
      <c r="C38" s="26"/>
      <c r="D38" s="26"/>
      <c r="E38" s="26"/>
      <c r="F38" s="26"/>
      <c r="G38" s="26"/>
      <c r="H38" s="26" t="s">
        <v>27</v>
      </c>
      <c r="I38" s="32" t="s">
        <v>29</v>
      </c>
    </row>
    <row r="39" spans="1:9" ht="15.95" customHeight="1" x14ac:dyDescent="0.4">
      <c r="A39" s="26" t="s">
        <v>1065</v>
      </c>
      <c r="B39" s="26"/>
      <c r="C39" s="26"/>
      <c r="D39" s="26"/>
      <c r="E39" s="26"/>
      <c r="F39" s="26"/>
      <c r="G39" s="26"/>
      <c r="H39" s="26" t="s">
        <v>27</v>
      </c>
      <c r="I39" s="32" t="s">
        <v>30</v>
      </c>
    </row>
    <row r="40" spans="1:9" ht="15.95" customHeight="1" x14ac:dyDescent="0.4">
      <c r="A40" s="26" t="s">
        <v>1066</v>
      </c>
      <c r="B40" s="26"/>
      <c r="C40" s="26"/>
      <c r="D40" s="26"/>
      <c r="E40" s="26"/>
      <c r="F40" s="26"/>
      <c r="G40" s="26"/>
      <c r="H40" s="26"/>
      <c r="I40" s="32" t="s">
        <v>1067</v>
      </c>
    </row>
    <row r="41" spans="1:9" ht="15.95" customHeight="1" x14ac:dyDescent="0.4">
      <c r="A41" s="26"/>
      <c r="B41" s="26"/>
      <c r="C41" s="26"/>
      <c r="D41" s="26"/>
      <c r="E41" s="26"/>
      <c r="F41" s="26"/>
      <c r="G41" s="26"/>
      <c r="H41" s="26"/>
      <c r="I41" s="26"/>
    </row>
    <row r="42" spans="1:9" ht="15.95" customHeight="1" x14ac:dyDescent="0.4">
      <c r="A42" s="138" t="s">
        <v>31</v>
      </c>
      <c r="B42" s="26"/>
      <c r="C42" s="26"/>
      <c r="D42" s="26"/>
      <c r="E42" s="26"/>
      <c r="F42" s="26"/>
      <c r="G42" s="26"/>
      <c r="H42" s="26"/>
      <c r="I42" s="26"/>
    </row>
    <row r="43" spans="1:9" ht="15.95" customHeight="1" x14ac:dyDescent="0.4">
      <c r="A43" s="10" t="s">
        <v>32</v>
      </c>
      <c r="B43" s="26"/>
      <c r="C43" s="26"/>
      <c r="D43" s="26"/>
      <c r="E43" s="26"/>
      <c r="F43" s="26"/>
      <c r="G43" s="26"/>
      <c r="H43" s="26"/>
      <c r="I43" s="26"/>
    </row>
    <row r="44" spans="1:9" ht="15.95" customHeight="1" x14ac:dyDescent="0.4">
      <c r="A44" s="26" t="s">
        <v>33</v>
      </c>
      <c r="B44" s="26"/>
      <c r="C44" s="26"/>
      <c r="D44" s="26"/>
      <c r="E44" s="26"/>
      <c r="F44" s="26"/>
      <c r="G44" s="26"/>
      <c r="H44" s="26"/>
      <c r="I44" s="32" t="s">
        <v>34</v>
      </c>
    </row>
    <row r="45" spans="1:9" ht="15.95" customHeight="1" x14ac:dyDescent="0.4">
      <c r="A45" s="26" t="s">
        <v>1137</v>
      </c>
      <c r="B45" s="26"/>
      <c r="C45" s="26"/>
      <c r="D45" s="26"/>
      <c r="E45" s="26"/>
      <c r="F45" s="26"/>
      <c r="G45" s="26"/>
      <c r="H45" s="26"/>
      <c r="I45" s="32" t="s">
        <v>35</v>
      </c>
    </row>
    <row r="46" spans="1:9" ht="15.95" customHeight="1" x14ac:dyDescent="0.4">
      <c r="A46" s="26" t="s">
        <v>36</v>
      </c>
      <c r="B46" s="26"/>
      <c r="C46" s="26"/>
      <c r="D46" s="26"/>
      <c r="E46" s="26"/>
      <c r="F46" s="26"/>
      <c r="G46" s="26"/>
      <c r="H46" s="26"/>
      <c r="I46" s="32" t="s">
        <v>37</v>
      </c>
    </row>
    <row r="47" spans="1:9" ht="15.95" customHeight="1" x14ac:dyDescent="0.4">
      <c r="A47" s="26" t="s">
        <v>38</v>
      </c>
      <c r="B47" s="26"/>
      <c r="C47" s="26"/>
      <c r="D47" s="26"/>
      <c r="E47" s="26"/>
      <c r="F47" s="26"/>
      <c r="G47" s="26"/>
      <c r="H47" s="26"/>
      <c r="I47" s="32" t="s">
        <v>39</v>
      </c>
    </row>
    <row r="48" spans="1:9" ht="15.95" customHeight="1" x14ac:dyDescent="0.4">
      <c r="A48" s="26" t="s">
        <v>40</v>
      </c>
      <c r="B48" s="26"/>
      <c r="C48" s="26"/>
      <c r="D48" s="26"/>
      <c r="E48" s="26"/>
      <c r="F48" s="26"/>
      <c r="G48" s="26"/>
      <c r="H48" s="26"/>
      <c r="I48" s="32" t="s">
        <v>41</v>
      </c>
    </row>
    <row r="49" spans="1:9" ht="15.95" customHeight="1" x14ac:dyDescent="0.4">
      <c r="A49" s="26" t="s">
        <v>42</v>
      </c>
      <c r="B49" s="26"/>
      <c r="C49" s="26"/>
      <c r="D49" s="26"/>
      <c r="E49" s="26"/>
      <c r="F49" s="26"/>
      <c r="G49" s="26"/>
      <c r="H49" s="26"/>
      <c r="I49" s="32" t="s">
        <v>43</v>
      </c>
    </row>
    <row r="50" spans="1:9" ht="15.95" customHeight="1" x14ac:dyDescent="0.4">
      <c r="A50" s="26" t="s">
        <v>44</v>
      </c>
      <c r="B50" s="26"/>
      <c r="C50" s="26"/>
      <c r="D50" s="26"/>
      <c r="E50" s="26"/>
      <c r="F50" s="26"/>
      <c r="G50" s="26"/>
      <c r="H50" s="26"/>
      <c r="I50" s="32" t="s">
        <v>45</v>
      </c>
    </row>
    <row r="51" spans="1:9" ht="15.95" customHeight="1" x14ac:dyDescent="0.4">
      <c r="A51" s="26" t="s">
        <v>46</v>
      </c>
      <c r="B51" s="26"/>
      <c r="C51" s="26"/>
      <c r="D51" s="26"/>
      <c r="E51" s="26"/>
      <c r="F51" s="26"/>
      <c r="G51" s="26"/>
      <c r="H51" s="26"/>
      <c r="I51" s="32" t="s">
        <v>47</v>
      </c>
    </row>
    <row r="52" spans="1:9" ht="15.95" customHeight="1" x14ac:dyDescent="0.4">
      <c r="A52" s="26" t="s">
        <v>48</v>
      </c>
      <c r="B52" s="26"/>
      <c r="C52" s="26"/>
      <c r="D52" s="26"/>
      <c r="E52" s="26"/>
      <c r="F52" s="26"/>
      <c r="G52" s="26"/>
      <c r="H52" s="26"/>
      <c r="I52" s="32" t="s">
        <v>49</v>
      </c>
    </row>
    <row r="53" spans="1:9" ht="15.95" customHeight="1" x14ac:dyDescent="0.4">
      <c r="A53" s="26" t="s">
        <v>50</v>
      </c>
      <c r="B53" s="26"/>
      <c r="C53" s="26"/>
      <c r="D53" s="26"/>
      <c r="E53" s="26"/>
      <c r="F53" s="26"/>
      <c r="G53" s="26"/>
      <c r="H53" s="26"/>
      <c r="I53" s="32" t="s">
        <v>51</v>
      </c>
    </row>
    <row r="54" spans="1:9" ht="15.95" customHeight="1" x14ac:dyDescent="0.4">
      <c r="A54" s="26" t="s">
        <v>52</v>
      </c>
      <c r="B54" s="26"/>
      <c r="C54" s="26"/>
      <c r="D54" s="26"/>
      <c r="E54" s="26"/>
      <c r="F54" s="26"/>
      <c r="G54" s="26"/>
      <c r="H54" s="26"/>
      <c r="I54" s="32" t="s">
        <v>53</v>
      </c>
    </row>
    <row r="55" spans="1:9" ht="15.95" customHeight="1" x14ac:dyDescent="0.4">
      <c r="A55" s="26" t="s">
        <v>54</v>
      </c>
      <c r="B55" s="26"/>
      <c r="C55" s="26"/>
      <c r="D55" s="26"/>
      <c r="E55" s="26"/>
      <c r="F55" s="26"/>
      <c r="G55" s="26"/>
      <c r="H55" s="26"/>
      <c r="I55" s="32" t="s">
        <v>55</v>
      </c>
    </row>
    <row r="56" spans="1:9" ht="15.95" customHeight="1" x14ac:dyDescent="0.4">
      <c r="A56" s="26" t="s">
        <v>56</v>
      </c>
      <c r="B56" s="26"/>
      <c r="C56" s="26"/>
      <c r="D56" s="26"/>
      <c r="E56" s="26"/>
      <c r="F56" s="26"/>
      <c r="G56" s="26"/>
      <c r="H56" s="26"/>
      <c r="I56" s="32" t="s">
        <v>57</v>
      </c>
    </row>
    <row r="57" spans="1:9" ht="15.95" customHeight="1" x14ac:dyDescent="0.4">
      <c r="A57" s="26" t="s">
        <v>58</v>
      </c>
      <c r="B57" s="26"/>
      <c r="C57" s="26"/>
      <c r="D57" s="26"/>
      <c r="E57" s="26"/>
      <c r="F57" s="26"/>
      <c r="G57" s="26"/>
      <c r="H57" s="26"/>
      <c r="I57" s="32" t="s">
        <v>57</v>
      </c>
    </row>
    <row r="58" spans="1:9" ht="15.95" customHeight="1" x14ac:dyDescent="0.4">
      <c r="A58" s="26" t="s">
        <v>59</v>
      </c>
      <c r="B58" s="26"/>
      <c r="C58" s="26"/>
      <c r="D58" s="26"/>
      <c r="E58" s="26"/>
      <c r="F58" s="26"/>
      <c r="G58" s="26"/>
      <c r="H58" s="26"/>
      <c r="I58" s="32" t="s">
        <v>60</v>
      </c>
    </row>
    <row r="59" spans="1:9" ht="15.95" customHeight="1" x14ac:dyDescent="0.4">
      <c r="A59" s="26" t="s">
        <v>61</v>
      </c>
      <c r="B59" s="26"/>
      <c r="C59" s="26"/>
      <c r="D59" s="26"/>
      <c r="E59" s="26"/>
      <c r="F59" s="26"/>
      <c r="G59" s="26"/>
      <c r="H59" s="26"/>
      <c r="I59" s="32" t="s">
        <v>60</v>
      </c>
    </row>
    <row r="60" spans="1:9" ht="15.95" customHeight="1" x14ac:dyDescent="0.4">
      <c r="A60" s="26" t="s">
        <v>62</v>
      </c>
      <c r="B60" s="26"/>
      <c r="C60" s="26"/>
      <c r="D60" s="26"/>
      <c r="E60" s="26"/>
      <c r="F60" s="26"/>
      <c r="G60" s="26"/>
      <c r="H60" s="26"/>
      <c r="I60" s="32" t="s">
        <v>63</v>
      </c>
    </row>
    <row r="61" spans="1:9" ht="15.95" customHeight="1" x14ac:dyDescent="0.4">
      <c r="A61" s="26" t="s">
        <v>912</v>
      </c>
      <c r="B61" s="26"/>
      <c r="C61" s="26"/>
      <c r="D61" s="26"/>
      <c r="E61" s="26"/>
      <c r="F61" s="26"/>
      <c r="G61" s="26"/>
      <c r="H61" s="26"/>
      <c r="I61" s="32" t="s">
        <v>913</v>
      </c>
    </row>
    <row r="62" spans="1:9" ht="15.95" customHeight="1" x14ac:dyDescent="0.4">
      <c r="A62" s="26"/>
      <c r="B62" s="26"/>
      <c r="C62" s="26"/>
      <c r="D62" s="26"/>
      <c r="E62" s="26"/>
      <c r="F62" s="26"/>
      <c r="G62" s="26"/>
      <c r="H62" s="26"/>
      <c r="I62" s="32"/>
    </row>
    <row r="63" spans="1:9" ht="15.95" customHeight="1" x14ac:dyDescent="0.4">
      <c r="A63" s="10" t="s">
        <v>64</v>
      </c>
      <c r="B63" s="26"/>
      <c r="C63" s="26"/>
      <c r="D63" s="26"/>
      <c r="E63" s="26"/>
      <c r="F63" s="26"/>
      <c r="G63" s="26"/>
      <c r="H63" s="26"/>
      <c r="I63" s="26"/>
    </row>
    <row r="64" spans="1:9" ht="15.95" customHeight="1" x14ac:dyDescent="0.4">
      <c r="A64" s="26" t="s">
        <v>909</v>
      </c>
      <c r="B64" s="26"/>
      <c r="C64" s="26"/>
      <c r="D64" s="26"/>
      <c r="E64" s="26"/>
      <c r="F64" s="26"/>
      <c r="G64" s="26"/>
      <c r="H64" s="26"/>
      <c r="I64" s="32" t="s">
        <v>914</v>
      </c>
    </row>
    <row r="65" spans="1:9" ht="15.95" customHeight="1" x14ac:dyDescent="0.4">
      <c r="A65" s="26" t="s">
        <v>910</v>
      </c>
      <c r="B65" s="26"/>
      <c r="C65" s="26"/>
      <c r="D65" s="26"/>
      <c r="E65" s="26"/>
      <c r="F65" s="26"/>
      <c r="G65" s="26"/>
      <c r="H65" s="26"/>
      <c r="I65" s="32" t="s">
        <v>65</v>
      </c>
    </row>
    <row r="66" spans="1:9" ht="15.95" customHeight="1" x14ac:dyDescent="0.4">
      <c r="A66" s="26" t="s">
        <v>911</v>
      </c>
      <c r="B66" s="26"/>
      <c r="C66" s="26"/>
      <c r="D66" s="26"/>
      <c r="E66" s="26"/>
      <c r="F66" s="26"/>
      <c r="G66" s="26"/>
      <c r="H66" s="26"/>
      <c r="I66" s="32" t="s">
        <v>65</v>
      </c>
    </row>
    <row r="67" spans="1:9" ht="15.95" customHeight="1" x14ac:dyDescent="0.4">
      <c r="A67" s="26"/>
      <c r="B67" s="26"/>
      <c r="C67" s="26"/>
      <c r="D67" s="26"/>
      <c r="E67" s="26"/>
      <c r="F67" s="26"/>
      <c r="G67" s="26"/>
      <c r="H67" s="26"/>
      <c r="I67" s="32"/>
    </row>
    <row r="68" spans="1:9" ht="15.95" customHeight="1" x14ac:dyDescent="0.4">
      <c r="A68" s="138" t="s">
        <v>66</v>
      </c>
      <c r="B68" s="26"/>
      <c r="C68" s="26"/>
      <c r="D68" s="26"/>
      <c r="E68" s="26"/>
      <c r="F68" s="26"/>
      <c r="G68" s="26"/>
      <c r="H68" s="26"/>
      <c r="I68" s="26"/>
    </row>
    <row r="69" spans="1:9" ht="15.95" customHeight="1" x14ac:dyDescent="0.4">
      <c r="A69" s="26" t="s">
        <v>67</v>
      </c>
      <c r="B69" s="26"/>
      <c r="C69" s="26"/>
      <c r="D69" s="26"/>
      <c r="E69" s="26"/>
      <c r="F69" s="26"/>
      <c r="G69" s="26"/>
      <c r="H69" s="26"/>
      <c r="I69" s="26"/>
    </row>
    <row r="70" spans="1:9" ht="15.95" customHeight="1" x14ac:dyDescent="0.4">
      <c r="A70" s="26" t="s">
        <v>68</v>
      </c>
      <c r="B70" s="26"/>
      <c r="C70" s="26"/>
      <c r="D70" s="26"/>
      <c r="E70" s="26"/>
      <c r="F70" s="26"/>
      <c r="G70" s="26"/>
      <c r="H70" s="26"/>
      <c r="I70" s="26"/>
    </row>
    <row r="71" spans="1:9" ht="15.95" customHeight="1" x14ac:dyDescent="0.4">
      <c r="A71" s="26" t="s">
        <v>69</v>
      </c>
      <c r="B71" s="26"/>
      <c r="C71" s="26"/>
      <c r="D71" s="26"/>
      <c r="E71" s="26"/>
      <c r="F71" s="26"/>
      <c r="G71" s="26"/>
      <c r="H71" s="26"/>
      <c r="I71" s="26"/>
    </row>
    <row r="72" spans="1:9" ht="15.95" customHeight="1" x14ac:dyDescent="0.4">
      <c r="A72" s="26" t="s">
        <v>70</v>
      </c>
      <c r="B72" s="26"/>
      <c r="C72" s="26"/>
      <c r="D72" s="26"/>
      <c r="E72" s="26"/>
      <c r="F72" s="26"/>
      <c r="G72" s="26"/>
      <c r="H72" s="26"/>
      <c r="I72" s="26"/>
    </row>
    <row r="73" spans="1:9" ht="15.95" customHeight="1" x14ac:dyDescent="0.4">
      <c r="A73" s="26" t="s">
        <v>71</v>
      </c>
      <c r="B73" s="26"/>
      <c r="C73" s="26"/>
      <c r="D73" s="26"/>
      <c r="E73" s="26"/>
      <c r="F73" s="26"/>
      <c r="G73" s="26"/>
      <c r="H73" s="26"/>
      <c r="I73" s="26"/>
    </row>
    <row r="74" spans="1:9" ht="15.95" customHeight="1" x14ac:dyDescent="0.4">
      <c r="A74" s="26" t="s">
        <v>72</v>
      </c>
      <c r="B74" s="26"/>
      <c r="C74" s="26"/>
      <c r="D74" s="26"/>
      <c r="E74" s="26"/>
      <c r="F74" s="26"/>
      <c r="G74" s="26"/>
      <c r="H74" s="26"/>
      <c r="I74" s="26"/>
    </row>
    <row r="75" spans="1:9" ht="15.95" customHeight="1" x14ac:dyDescent="0.4">
      <c r="A75" s="26" t="s">
        <v>73</v>
      </c>
      <c r="B75" s="26"/>
      <c r="C75" s="26"/>
      <c r="D75" s="26"/>
      <c r="E75" s="26"/>
      <c r="F75" s="26"/>
      <c r="G75" s="26"/>
      <c r="H75" s="26"/>
      <c r="I75" s="26"/>
    </row>
    <row r="76" spans="1:9" ht="15.95" customHeight="1" x14ac:dyDescent="0.4">
      <c r="A76" s="26" t="s">
        <v>74</v>
      </c>
      <c r="B76" s="26"/>
      <c r="C76" s="26"/>
      <c r="D76" s="26"/>
      <c r="E76" s="26"/>
      <c r="F76" s="26"/>
      <c r="G76" s="26"/>
      <c r="H76" s="26"/>
      <c r="I76" s="26"/>
    </row>
    <row r="77" spans="1:9" ht="15.95" customHeight="1" x14ac:dyDescent="0.4">
      <c r="A77" s="26" t="s">
        <v>75</v>
      </c>
      <c r="B77" s="26"/>
      <c r="C77" s="26"/>
      <c r="D77" s="26"/>
      <c r="E77" s="26"/>
      <c r="F77" s="26"/>
      <c r="G77" s="26"/>
      <c r="H77" s="26"/>
      <c r="I77" s="26"/>
    </row>
    <row r="78" spans="1:9" ht="15.95" customHeight="1" x14ac:dyDescent="0.4">
      <c r="A78" s="26" t="s">
        <v>76</v>
      </c>
      <c r="B78" s="26"/>
      <c r="C78" s="26"/>
      <c r="D78" s="26"/>
      <c r="E78" s="26"/>
      <c r="F78" s="26"/>
      <c r="G78" s="26"/>
      <c r="H78" s="26"/>
      <c r="I78" s="26"/>
    </row>
    <row r="79" spans="1:9" ht="15.95" customHeight="1" x14ac:dyDescent="0.4">
      <c r="A79" s="26" t="s">
        <v>994</v>
      </c>
      <c r="B79" s="26"/>
      <c r="C79" s="26"/>
      <c r="D79" s="26"/>
      <c r="E79" s="26"/>
      <c r="F79" s="26"/>
      <c r="G79" s="26"/>
      <c r="H79" s="26"/>
      <c r="I79" s="26"/>
    </row>
    <row r="80" spans="1:9" ht="15.95" customHeight="1" x14ac:dyDescent="0.4">
      <c r="A80" s="26"/>
      <c r="B80" s="26"/>
      <c r="C80" s="26"/>
      <c r="D80" s="26"/>
      <c r="E80" s="26"/>
      <c r="F80" s="26"/>
      <c r="G80" s="26"/>
      <c r="H80" s="26"/>
      <c r="I80" s="26"/>
    </row>
    <row r="81" spans="1:9" ht="15.95" customHeight="1" x14ac:dyDescent="0.4">
      <c r="A81" s="138" t="s">
        <v>77</v>
      </c>
      <c r="B81" s="26"/>
      <c r="C81" s="26"/>
      <c r="D81" s="26"/>
      <c r="E81" s="26"/>
      <c r="F81" s="26"/>
      <c r="G81" s="26"/>
      <c r="H81" s="26"/>
      <c r="I81" s="26"/>
    </row>
    <row r="82" spans="1:9" ht="15.95" customHeight="1" x14ac:dyDescent="0.4">
      <c r="A82" s="26" t="s">
        <v>1068</v>
      </c>
      <c r="B82" s="26"/>
      <c r="C82" s="26"/>
      <c r="D82" s="26"/>
      <c r="E82" s="26"/>
      <c r="F82" s="26"/>
      <c r="G82" s="26"/>
      <c r="H82" s="26"/>
      <c r="I82" s="26" t="s">
        <v>78</v>
      </c>
    </row>
    <row r="83" spans="1:9" ht="15.95" customHeight="1" x14ac:dyDescent="0.4">
      <c r="A83" s="26" t="s">
        <v>1136</v>
      </c>
      <c r="B83" s="26"/>
      <c r="C83" s="26"/>
      <c r="D83" s="26"/>
      <c r="E83" s="26"/>
      <c r="F83" s="26"/>
      <c r="G83" s="26"/>
      <c r="H83" s="26"/>
      <c r="I83" s="26" t="s">
        <v>79</v>
      </c>
    </row>
  </sheetData>
  <mergeCells count="29">
    <mergeCell ref="A1:B1"/>
    <mergeCell ref="D18:H18"/>
    <mergeCell ref="C19:C20"/>
    <mergeCell ref="A2:B2"/>
    <mergeCell ref="D10:H10"/>
    <mergeCell ref="B7:B10"/>
    <mergeCell ref="C7:C8"/>
    <mergeCell ref="D7:H8"/>
    <mergeCell ref="A5:I5"/>
    <mergeCell ref="A4:I4"/>
    <mergeCell ref="D9:H9"/>
    <mergeCell ref="G19:H19"/>
    <mergeCell ref="G20:H20"/>
    <mergeCell ref="B21:B24"/>
    <mergeCell ref="C21:C24"/>
    <mergeCell ref="A33:I33"/>
    <mergeCell ref="B11:B17"/>
    <mergeCell ref="C11:C13"/>
    <mergeCell ref="D11:H11"/>
    <mergeCell ref="D12:H12"/>
    <mergeCell ref="D13:H13"/>
    <mergeCell ref="D14:H14"/>
    <mergeCell ref="D15:H15"/>
    <mergeCell ref="D16:H16"/>
    <mergeCell ref="B27:B30"/>
    <mergeCell ref="D27:H27"/>
    <mergeCell ref="C28:C30"/>
    <mergeCell ref="E17:H17"/>
    <mergeCell ref="B18:B20"/>
  </mergeCells>
  <phoneticPr fontId="2"/>
  <dataValidations count="2">
    <dataValidation type="list" allowBlank="1" showInputMessage="1" showErrorMessage="1" sqref="H28:H30 H21:H24" xr:uid="{1DEDC772-D438-4DC2-9486-576ED956CECD}">
      <formula1>" ,児,職,児・職"</formula1>
    </dataValidation>
    <dataValidation type="list" allowBlank="1" showInputMessage="1" showErrorMessage="1" sqref="E28:E30" xr:uid="{857C43F8-8BDC-4B29-8339-8504B5C9AA7F}">
      <formula1>"参事,課長,主幹,係長,専門員,主査,主任,主事"</formula1>
    </dataValidation>
  </dataValidations>
  <printOptions horizontalCentered="1" verticalCentered="1"/>
  <pageMargins left="0.70866141732283472" right="0.70866141732283472" top="0.59055118110236227" bottom="0.39370078740157483" header="0.31496062992125984" footer="0.31496062992125984"/>
  <pageSetup paperSize="9" scale="95" orientation="portrait" r:id="rId1"/>
  <rowBreaks count="1" manualBreakCount="1">
    <brk id="32" max="8"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DFF0D8-1CC4-4076-875A-F5C00DD72452}">
  <dimension ref="A1:AC42"/>
  <sheetViews>
    <sheetView showGridLines="0" view="pageBreakPreview" zoomScaleNormal="100" zoomScaleSheetLayoutView="100" workbookViewId="0">
      <selection activeCell="D4" sqref="D4"/>
    </sheetView>
  </sheetViews>
  <sheetFormatPr defaultRowHeight="12" x14ac:dyDescent="0.4"/>
  <cols>
    <col min="1" max="1" width="2.625" style="26" customWidth="1"/>
    <col min="2" max="2" width="3.625" style="26" customWidth="1"/>
    <col min="3" max="3" width="15.625" style="26" customWidth="1"/>
    <col min="4" max="4" width="5.375" style="26" bestFit="1" customWidth="1"/>
    <col min="5" max="15" width="5.375" style="26" customWidth="1"/>
    <col min="16" max="17" width="7.625" style="26" customWidth="1"/>
    <col min="18" max="29" width="5.375" style="26" customWidth="1"/>
    <col min="30" max="16384" width="9" style="26"/>
  </cols>
  <sheetData>
    <row r="1" spans="1:29" x14ac:dyDescent="0.4">
      <c r="A1" s="315" t="s">
        <v>1049</v>
      </c>
      <c r="B1" s="26" t="s">
        <v>1018</v>
      </c>
    </row>
    <row r="2" spans="1:29" ht="12.75" thickBot="1" x14ac:dyDescent="0.45">
      <c r="A2" s="316"/>
      <c r="B2" s="26" t="s">
        <v>80</v>
      </c>
      <c r="S2" s="26" t="s">
        <v>81</v>
      </c>
    </row>
    <row r="3" spans="1:29" ht="80.099999999999994" customHeight="1" thickBot="1" x14ac:dyDescent="0.45">
      <c r="A3" s="316"/>
      <c r="B3" s="320"/>
      <c r="C3" s="321"/>
      <c r="D3" s="57" t="s">
        <v>82</v>
      </c>
      <c r="E3" s="58" t="s">
        <v>83</v>
      </c>
      <c r="F3" s="58" t="s">
        <v>84</v>
      </c>
      <c r="G3" s="58" t="s">
        <v>85</v>
      </c>
      <c r="H3" s="58" t="s">
        <v>86</v>
      </c>
      <c r="I3" s="58" t="s">
        <v>87</v>
      </c>
      <c r="J3" s="58" t="s">
        <v>88</v>
      </c>
      <c r="K3" s="58" t="s">
        <v>89</v>
      </c>
      <c r="L3" s="58" t="s">
        <v>90</v>
      </c>
      <c r="M3" s="58" t="s">
        <v>91</v>
      </c>
      <c r="N3" s="58" t="s">
        <v>92</v>
      </c>
      <c r="O3" s="59" t="s">
        <v>93</v>
      </c>
      <c r="P3" s="60" t="s">
        <v>94</v>
      </c>
      <c r="Q3" s="61" t="s">
        <v>95</v>
      </c>
      <c r="S3" s="62" t="s">
        <v>82</v>
      </c>
      <c r="T3" s="63" t="s">
        <v>83</v>
      </c>
      <c r="U3" s="63" t="s">
        <v>84</v>
      </c>
      <c r="V3" s="63" t="s">
        <v>85</v>
      </c>
      <c r="W3" s="63" t="s">
        <v>86</v>
      </c>
      <c r="X3" s="63" t="s">
        <v>87</v>
      </c>
      <c r="Y3" s="63" t="s">
        <v>88</v>
      </c>
      <c r="Z3" s="63" t="s">
        <v>89</v>
      </c>
      <c r="AA3" s="63" t="s">
        <v>90</v>
      </c>
      <c r="AB3" s="63" t="s">
        <v>91</v>
      </c>
      <c r="AC3" s="64" t="s">
        <v>92</v>
      </c>
    </row>
    <row r="4" spans="1:29" ht="39.950000000000003" customHeight="1" x14ac:dyDescent="0.4">
      <c r="A4" s="316"/>
      <c r="B4" s="322" t="s">
        <v>96</v>
      </c>
      <c r="C4" s="65" t="s">
        <v>97</v>
      </c>
      <c r="D4" s="72"/>
      <c r="E4" s="73"/>
      <c r="F4" s="73"/>
      <c r="G4" s="73"/>
      <c r="H4" s="73"/>
      <c r="I4" s="73"/>
      <c r="J4" s="73"/>
      <c r="K4" s="73"/>
      <c r="L4" s="73"/>
      <c r="M4" s="73"/>
      <c r="N4" s="73"/>
      <c r="O4" s="74"/>
      <c r="P4" s="54">
        <f>SUM(D4:O4)</f>
        <v>0</v>
      </c>
      <c r="Q4" s="55">
        <f>ROUNDDOWN(P4/12,1)</f>
        <v>0</v>
      </c>
      <c r="S4" s="70"/>
      <c r="T4" s="56"/>
      <c r="U4" s="56"/>
      <c r="V4" s="56"/>
      <c r="W4" s="56"/>
      <c r="X4" s="56"/>
      <c r="Y4" s="56"/>
      <c r="Z4" s="56"/>
      <c r="AA4" s="56"/>
      <c r="AB4" s="56"/>
      <c r="AC4" s="71"/>
    </row>
    <row r="5" spans="1:29" ht="39.950000000000003" customHeight="1" x14ac:dyDescent="0.4">
      <c r="A5" s="316"/>
      <c r="B5" s="323"/>
      <c r="C5" s="66" t="s">
        <v>98</v>
      </c>
      <c r="D5" s="33"/>
      <c r="E5" s="34"/>
      <c r="F5" s="34"/>
      <c r="G5" s="34"/>
      <c r="H5" s="34"/>
      <c r="I5" s="34"/>
      <c r="J5" s="34"/>
      <c r="K5" s="34"/>
      <c r="L5" s="34"/>
      <c r="M5" s="34"/>
      <c r="N5" s="34"/>
      <c r="O5" s="35"/>
      <c r="P5" s="49">
        <f>SUM(D5:O5)</f>
        <v>0</v>
      </c>
      <c r="Q5" s="53">
        <f>ROUNDDOWN(P5/12,1)</f>
        <v>0</v>
      </c>
      <c r="S5" s="46"/>
      <c r="T5" s="34"/>
      <c r="U5" s="34"/>
      <c r="V5" s="34"/>
      <c r="W5" s="34"/>
      <c r="X5" s="34"/>
      <c r="Y5" s="34"/>
      <c r="Z5" s="34"/>
      <c r="AA5" s="34"/>
      <c r="AB5" s="34"/>
      <c r="AC5" s="37"/>
    </row>
    <row r="6" spans="1:29" ht="39.950000000000003" customHeight="1" x14ac:dyDescent="0.4">
      <c r="A6" s="316"/>
      <c r="B6" s="323"/>
      <c r="C6" s="66" t="s">
        <v>99</v>
      </c>
      <c r="D6" s="33"/>
      <c r="E6" s="34"/>
      <c r="F6" s="34"/>
      <c r="G6" s="34"/>
      <c r="H6" s="34"/>
      <c r="I6" s="34"/>
      <c r="J6" s="34"/>
      <c r="K6" s="34"/>
      <c r="L6" s="34"/>
      <c r="M6" s="34"/>
      <c r="N6" s="34"/>
      <c r="O6" s="35"/>
      <c r="P6" s="49">
        <f t="shared" ref="P6:P9" si="0">SUM(D6:O6)</f>
        <v>0</v>
      </c>
      <c r="Q6" s="53">
        <f t="shared" ref="Q6:Q14" si="1">ROUNDDOWN(P6/12,1)</f>
        <v>0</v>
      </c>
      <c r="S6" s="46"/>
      <c r="T6" s="34"/>
      <c r="U6" s="34"/>
      <c r="V6" s="34"/>
      <c r="W6" s="34"/>
      <c r="X6" s="34"/>
      <c r="Y6" s="34"/>
      <c r="Z6" s="34"/>
      <c r="AA6" s="34"/>
      <c r="AB6" s="34"/>
      <c r="AC6" s="37"/>
    </row>
    <row r="7" spans="1:29" ht="39.950000000000003" customHeight="1" x14ac:dyDescent="0.4">
      <c r="A7" s="316"/>
      <c r="B7" s="323"/>
      <c r="C7" s="66" t="s">
        <v>100</v>
      </c>
      <c r="D7" s="174" t="s">
        <v>101</v>
      </c>
      <c r="E7" s="11" t="s">
        <v>102</v>
      </c>
      <c r="F7" s="11" t="s">
        <v>102</v>
      </c>
      <c r="G7" s="11" t="s">
        <v>102</v>
      </c>
      <c r="H7" s="11" t="s">
        <v>102</v>
      </c>
      <c r="I7" s="11" t="s">
        <v>102</v>
      </c>
      <c r="J7" s="11" t="s">
        <v>102</v>
      </c>
      <c r="K7" s="11" t="s">
        <v>102</v>
      </c>
      <c r="L7" s="11" t="s">
        <v>102</v>
      </c>
      <c r="M7" s="11" t="s">
        <v>102</v>
      </c>
      <c r="N7" s="11" t="s">
        <v>102</v>
      </c>
      <c r="O7" s="173" t="s">
        <v>102</v>
      </c>
      <c r="P7" s="49">
        <f t="shared" si="0"/>
        <v>0</v>
      </c>
      <c r="Q7" s="53">
        <f t="shared" si="1"/>
        <v>0</v>
      </c>
      <c r="S7" s="175" t="s">
        <v>102</v>
      </c>
      <c r="T7" s="11" t="s">
        <v>102</v>
      </c>
      <c r="U7" s="11" t="s">
        <v>102</v>
      </c>
      <c r="V7" s="11" t="s">
        <v>102</v>
      </c>
      <c r="W7" s="11" t="s">
        <v>102</v>
      </c>
      <c r="X7" s="11" t="s">
        <v>102</v>
      </c>
      <c r="Y7" s="11" t="s">
        <v>102</v>
      </c>
      <c r="Z7" s="11" t="s">
        <v>102</v>
      </c>
      <c r="AA7" s="11" t="s">
        <v>102</v>
      </c>
      <c r="AB7" s="11" t="s">
        <v>102</v>
      </c>
      <c r="AC7" s="66" t="s">
        <v>102</v>
      </c>
    </row>
    <row r="8" spans="1:29" ht="39.950000000000003" customHeight="1" x14ac:dyDescent="0.4">
      <c r="A8" s="316"/>
      <c r="B8" s="323"/>
      <c r="C8" s="66" t="s">
        <v>103</v>
      </c>
      <c r="D8" s="174" t="s">
        <v>101</v>
      </c>
      <c r="E8" s="11" t="s">
        <v>102</v>
      </c>
      <c r="F8" s="11" t="s">
        <v>102</v>
      </c>
      <c r="G8" s="11" t="s">
        <v>102</v>
      </c>
      <c r="H8" s="11" t="s">
        <v>102</v>
      </c>
      <c r="I8" s="11" t="s">
        <v>102</v>
      </c>
      <c r="J8" s="11" t="s">
        <v>102</v>
      </c>
      <c r="K8" s="11" t="s">
        <v>102</v>
      </c>
      <c r="L8" s="11" t="s">
        <v>102</v>
      </c>
      <c r="M8" s="11" t="s">
        <v>102</v>
      </c>
      <c r="N8" s="11" t="s">
        <v>102</v>
      </c>
      <c r="O8" s="173" t="s">
        <v>102</v>
      </c>
      <c r="P8" s="49">
        <f t="shared" si="0"/>
        <v>0</v>
      </c>
      <c r="Q8" s="53">
        <f t="shared" si="1"/>
        <v>0</v>
      </c>
      <c r="S8" s="175" t="s">
        <v>102</v>
      </c>
      <c r="T8" s="11" t="s">
        <v>102</v>
      </c>
      <c r="U8" s="11" t="s">
        <v>102</v>
      </c>
      <c r="V8" s="11" t="s">
        <v>102</v>
      </c>
      <c r="W8" s="11" t="s">
        <v>102</v>
      </c>
      <c r="X8" s="11" t="s">
        <v>102</v>
      </c>
      <c r="Y8" s="11" t="s">
        <v>102</v>
      </c>
      <c r="Z8" s="11" t="s">
        <v>102</v>
      </c>
      <c r="AA8" s="11" t="s">
        <v>102</v>
      </c>
      <c r="AB8" s="11" t="s">
        <v>102</v>
      </c>
      <c r="AC8" s="66" t="s">
        <v>102</v>
      </c>
    </row>
    <row r="9" spans="1:29" ht="39.950000000000003" customHeight="1" x14ac:dyDescent="0.4">
      <c r="A9" s="316"/>
      <c r="B9" s="323"/>
      <c r="C9" s="66" t="s">
        <v>104</v>
      </c>
      <c r="D9" s="174" t="s">
        <v>101</v>
      </c>
      <c r="E9" s="11" t="s">
        <v>102</v>
      </c>
      <c r="F9" s="11" t="s">
        <v>102</v>
      </c>
      <c r="G9" s="11" t="s">
        <v>102</v>
      </c>
      <c r="H9" s="11" t="s">
        <v>102</v>
      </c>
      <c r="I9" s="11" t="s">
        <v>102</v>
      </c>
      <c r="J9" s="11" t="s">
        <v>102</v>
      </c>
      <c r="K9" s="11" t="s">
        <v>102</v>
      </c>
      <c r="L9" s="11" t="s">
        <v>102</v>
      </c>
      <c r="M9" s="11" t="s">
        <v>102</v>
      </c>
      <c r="N9" s="11" t="s">
        <v>102</v>
      </c>
      <c r="O9" s="173" t="s">
        <v>102</v>
      </c>
      <c r="P9" s="49">
        <f t="shared" si="0"/>
        <v>0</v>
      </c>
      <c r="Q9" s="53">
        <f t="shared" si="1"/>
        <v>0</v>
      </c>
      <c r="S9" s="175" t="s">
        <v>102</v>
      </c>
      <c r="T9" s="11" t="s">
        <v>102</v>
      </c>
      <c r="U9" s="11" t="s">
        <v>102</v>
      </c>
      <c r="V9" s="11" t="s">
        <v>102</v>
      </c>
      <c r="W9" s="11" t="s">
        <v>102</v>
      </c>
      <c r="X9" s="11" t="s">
        <v>102</v>
      </c>
      <c r="Y9" s="11" t="s">
        <v>102</v>
      </c>
      <c r="Z9" s="11" t="s">
        <v>102</v>
      </c>
      <c r="AA9" s="11" t="s">
        <v>102</v>
      </c>
      <c r="AB9" s="11" t="s">
        <v>102</v>
      </c>
      <c r="AC9" s="66" t="s">
        <v>102</v>
      </c>
    </row>
    <row r="10" spans="1:29" ht="39.950000000000003" customHeight="1" x14ac:dyDescent="0.4">
      <c r="A10" s="316"/>
      <c r="B10" s="323"/>
      <c r="C10" s="66" t="s">
        <v>105</v>
      </c>
      <c r="D10" s="33">
        <f>SUM(D4:D9)</f>
        <v>0</v>
      </c>
      <c r="E10" s="34">
        <f>SUM(E4:E9)</f>
        <v>0</v>
      </c>
      <c r="F10" s="34">
        <f t="shared" ref="F10:O10" si="2">SUM(F4:F9)</f>
        <v>0</v>
      </c>
      <c r="G10" s="34">
        <f t="shared" si="2"/>
        <v>0</v>
      </c>
      <c r="H10" s="34">
        <f t="shared" si="2"/>
        <v>0</v>
      </c>
      <c r="I10" s="34">
        <f t="shared" si="2"/>
        <v>0</v>
      </c>
      <c r="J10" s="34">
        <f t="shared" si="2"/>
        <v>0</v>
      </c>
      <c r="K10" s="34">
        <f t="shared" si="2"/>
        <v>0</v>
      </c>
      <c r="L10" s="34">
        <f t="shared" si="2"/>
        <v>0</v>
      </c>
      <c r="M10" s="34">
        <f t="shared" si="2"/>
        <v>0</v>
      </c>
      <c r="N10" s="34">
        <f t="shared" si="2"/>
        <v>0</v>
      </c>
      <c r="O10" s="34">
        <f t="shared" si="2"/>
        <v>0</v>
      </c>
      <c r="P10" s="49">
        <f>SUM(D10:O10)</f>
        <v>0</v>
      </c>
      <c r="Q10" s="53">
        <f t="shared" si="1"/>
        <v>0</v>
      </c>
      <c r="S10" s="69">
        <f>SUM(S4:S9)</f>
        <v>0</v>
      </c>
      <c r="T10" s="34">
        <f>SUM(T4:T9)</f>
        <v>0</v>
      </c>
      <c r="U10" s="34">
        <f t="shared" ref="U10:AC10" si="3">SUM(U4:U9)</f>
        <v>0</v>
      </c>
      <c r="V10" s="34">
        <f t="shared" si="3"/>
        <v>0</v>
      </c>
      <c r="W10" s="34">
        <f t="shared" si="3"/>
        <v>0</v>
      </c>
      <c r="X10" s="34">
        <f t="shared" si="3"/>
        <v>0</v>
      </c>
      <c r="Y10" s="34">
        <f t="shared" si="3"/>
        <v>0</v>
      </c>
      <c r="Z10" s="34">
        <f t="shared" si="3"/>
        <v>0</v>
      </c>
      <c r="AA10" s="34">
        <f t="shared" si="3"/>
        <v>0</v>
      </c>
      <c r="AB10" s="34">
        <f t="shared" si="3"/>
        <v>0</v>
      </c>
      <c r="AC10" s="37">
        <f t="shared" si="3"/>
        <v>0</v>
      </c>
    </row>
    <row r="11" spans="1:29" ht="39.950000000000003" customHeight="1" x14ac:dyDescent="0.4">
      <c r="A11" s="316"/>
      <c r="B11" s="324" t="s">
        <v>106</v>
      </c>
      <c r="C11" s="325"/>
      <c r="D11" s="33"/>
      <c r="E11" s="34"/>
      <c r="F11" s="34"/>
      <c r="G11" s="34"/>
      <c r="H11" s="34"/>
      <c r="I11" s="34"/>
      <c r="J11" s="34"/>
      <c r="K11" s="34"/>
      <c r="L11" s="34"/>
      <c r="M11" s="34"/>
      <c r="N11" s="34"/>
      <c r="O11" s="35"/>
      <c r="P11" s="49">
        <f>SUM(D11:O11)</f>
        <v>0</v>
      </c>
      <c r="Q11" s="53">
        <f t="shared" si="1"/>
        <v>0</v>
      </c>
      <c r="S11" s="46"/>
      <c r="T11" s="34"/>
      <c r="U11" s="34"/>
      <c r="V11" s="34"/>
      <c r="W11" s="34"/>
      <c r="X11" s="34"/>
      <c r="Y11" s="34"/>
      <c r="Z11" s="34"/>
      <c r="AA11" s="34"/>
      <c r="AB11" s="34"/>
      <c r="AC11" s="37"/>
    </row>
    <row r="12" spans="1:29" ht="39.950000000000003" customHeight="1" x14ac:dyDescent="0.4">
      <c r="A12" s="316"/>
      <c r="B12" s="324" t="s">
        <v>107</v>
      </c>
      <c r="C12" s="325"/>
      <c r="D12" s="50">
        <f>D10*D11</f>
        <v>0</v>
      </c>
      <c r="E12" s="51">
        <f>E10*E11</f>
        <v>0</v>
      </c>
      <c r="F12" s="51">
        <f t="shared" ref="F12:O12" si="4">F10*F11</f>
        <v>0</v>
      </c>
      <c r="G12" s="51">
        <f t="shared" si="4"/>
        <v>0</v>
      </c>
      <c r="H12" s="51">
        <f t="shared" si="4"/>
        <v>0</v>
      </c>
      <c r="I12" s="51">
        <f t="shared" si="4"/>
        <v>0</v>
      </c>
      <c r="J12" s="51">
        <f t="shared" si="4"/>
        <v>0</v>
      </c>
      <c r="K12" s="51">
        <f t="shared" si="4"/>
        <v>0</v>
      </c>
      <c r="L12" s="51">
        <f t="shared" si="4"/>
        <v>0</v>
      </c>
      <c r="M12" s="51">
        <f t="shared" si="4"/>
        <v>0</v>
      </c>
      <c r="N12" s="51">
        <f t="shared" si="4"/>
        <v>0</v>
      </c>
      <c r="O12" s="51">
        <f t="shared" si="4"/>
        <v>0</v>
      </c>
      <c r="P12" s="49">
        <f>SUM(D12:O12)</f>
        <v>0</v>
      </c>
      <c r="Q12" s="52">
        <f t="shared" si="1"/>
        <v>0</v>
      </c>
      <c r="S12" s="68">
        <f t="shared" ref="S12:AC12" si="5">S10*S11</f>
        <v>0</v>
      </c>
      <c r="T12" s="50">
        <f t="shared" si="5"/>
        <v>0</v>
      </c>
      <c r="U12" s="50">
        <f t="shared" si="5"/>
        <v>0</v>
      </c>
      <c r="V12" s="50">
        <f t="shared" si="5"/>
        <v>0</v>
      </c>
      <c r="W12" s="50">
        <f t="shared" si="5"/>
        <v>0</v>
      </c>
      <c r="X12" s="50">
        <f t="shared" si="5"/>
        <v>0</v>
      </c>
      <c r="Y12" s="50">
        <f t="shared" si="5"/>
        <v>0</v>
      </c>
      <c r="Z12" s="50">
        <f t="shared" si="5"/>
        <v>0</v>
      </c>
      <c r="AA12" s="50">
        <f t="shared" si="5"/>
        <v>0</v>
      </c>
      <c r="AB12" s="50">
        <f t="shared" si="5"/>
        <v>0</v>
      </c>
      <c r="AC12" s="52">
        <f t="shared" si="5"/>
        <v>0</v>
      </c>
    </row>
    <row r="13" spans="1:29" ht="39.950000000000003" customHeight="1" x14ac:dyDescent="0.4">
      <c r="A13" s="316"/>
      <c r="B13" s="323" t="s">
        <v>108</v>
      </c>
      <c r="C13" s="67" t="s">
        <v>109</v>
      </c>
      <c r="D13" s="38"/>
      <c r="E13" s="39"/>
      <c r="F13" s="39"/>
      <c r="G13" s="39"/>
      <c r="H13" s="39"/>
      <c r="I13" s="39"/>
      <c r="J13" s="39"/>
      <c r="K13" s="39"/>
      <c r="L13" s="39"/>
      <c r="M13" s="39"/>
      <c r="N13" s="39"/>
      <c r="O13" s="40"/>
      <c r="P13" s="36">
        <f>SUM(D13:O13)</f>
        <v>0</v>
      </c>
      <c r="Q13" s="37">
        <f t="shared" si="1"/>
        <v>0</v>
      </c>
      <c r="S13" s="46"/>
      <c r="T13" s="34"/>
      <c r="U13" s="34"/>
      <c r="V13" s="34"/>
      <c r="W13" s="34"/>
      <c r="X13" s="34"/>
      <c r="Y13" s="34"/>
      <c r="Z13" s="34"/>
      <c r="AA13" s="34"/>
      <c r="AB13" s="34"/>
      <c r="AC13" s="37"/>
    </row>
    <row r="14" spans="1:29" ht="39.950000000000003" customHeight="1" x14ac:dyDescent="0.4">
      <c r="A14" s="316"/>
      <c r="B14" s="323"/>
      <c r="C14" s="67" t="s">
        <v>110</v>
      </c>
      <c r="D14" s="48" t="str">
        <f>IF(OR(D10=0,D13=""),"",ROUNDDOWN(D13/D12,1))</f>
        <v/>
      </c>
      <c r="E14" s="48" t="str">
        <f t="shared" ref="E14:O14" si="6">IF(OR(E10=0,E13=""),"",ROUNDDOWN(E13/E12,1))</f>
        <v/>
      </c>
      <c r="F14" s="48" t="str">
        <f t="shared" si="6"/>
        <v/>
      </c>
      <c r="G14" s="48" t="str">
        <f t="shared" si="6"/>
        <v/>
      </c>
      <c r="H14" s="48" t="str">
        <f t="shared" si="6"/>
        <v/>
      </c>
      <c r="I14" s="48" t="str">
        <f t="shared" si="6"/>
        <v/>
      </c>
      <c r="J14" s="48" t="str">
        <f t="shared" si="6"/>
        <v/>
      </c>
      <c r="K14" s="48" t="str">
        <f t="shared" si="6"/>
        <v/>
      </c>
      <c r="L14" s="48" t="str">
        <f t="shared" si="6"/>
        <v/>
      </c>
      <c r="M14" s="48" t="str">
        <f t="shared" si="6"/>
        <v/>
      </c>
      <c r="N14" s="48" t="str">
        <f t="shared" si="6"/>
        <v/>
      </c>
      <c r="O14" s="48" t="str">
        <f t="shared" si="6"/>
        <v/>
      </c>
      <c r="P14" s="49">
        <f>SUM(D14:O14)</f>
        <v>0</v>
      </c>
      <c r="Q14" s="53">
        <f t="shared" si="1"/>
        <v>0</v>
      </c>
      <c r="S14" s="69" t="str">
        <f>IF(OR(S10=0,S13=""),"",ROUNDDOWN(S13/S12,1))</f>
        <v/>
      </c>
      <c r="T14" s="34" t="str">
        <f t="shared" ref="T14:AC14" si="7">IF(OR(T10=0,T13=""),"",ROUNDDOWN(T13/T12,1))</f>
        <v/>
      </c>
      <c r="U14" s="34" t="str">
        <f t="shared" si="7"/>
        <v/>
      </c>
      <c r="V14" s="34" t="str">
        <f t="shared" si="7"/>
        <v/>
      </c>
      <c r="W14" s="34" t="str">
        <f t="shared" si="7"/>
        <v/>
      </c>
      <c r="X14" s="34" t="str">
        <f t="shared" si="7"/>
        <v/>
      </c>
      <c r="Y14" s="34" t="str">
        <f t="shared" si="7"/>
        <v/>
      </c>
      <c r="Z14" s="34" t="str">
        <f t="shared" si="7"/>
        <v/>
      </c>
      <c r="AA14" s="34" t="str">
        <f t="shared" si="7"/>
        <v/>
      </c>
      <c r="AB14" s="34" t="str">
        <f t="shared" si="7"/>
        <v/>
      </c>
      <c r="AC14" s="37" t="str">
        <f t="shared" si="7"/>
        <v/>
      </c>
    </row>
    <row r="15" spans="1:29" ht="39.950000000000003" customHeight="1" thickBot="1" x14ac:dyDescent="0.45">
      <c r="A15" s="316"/>
      <c r="B15" s="318" t="s">
        <v>111</v>
      </c>
      <c r="C15" s="319"/>
      <c r="D15" s="41"/>
      <c r="E15" s="42"/>
      <c r="F15" s="42"/>
      <c r="G15" s="42"/>
      <c r="H15" s="42"/>
      <c r="I15" s="42"/>
      <c r="J15" s="42"/>
      <c r="K15" s="42"/>
      <c r="L15" s="42"/>
      <c r="M15" s="42"/>
      <c r="N15" s="42"/>
      <c r="O15" s="43"/>
      <c r="P15" s="44"/>
      <c r="Q15" s="45"/>
      <c r="S15" s="47"/>
      <c r="T15" s="42"/>
      <c r="U15" s="42"/>
      <c r="V15" s="42"/>
      <c r="W15" s="42"/>
      <c r="X15" s="42"/>
      <c r="Y15" s="42"/>
      <c r="Z15" s="42"/>
      <c r="AA15" s="42"/>
      <c r="AB15" s="42"/>
      <c r="AC15" s="45"/>
    </row>
    <row r="16" spans="1:29" ht="18" customHeight="1" x14ac:dyDescent="0.4">
      <c r="A16" s="316"/>
      <c r="B16" s="26" t="s">
        <v>112</v>
      </c>
    </row>
    <row r="17" spans="1:29" ht="18" customHeight="1" x14ac:dyDescent="0.4">
      <c r="A17" s="316"/>
      <c r="B17" s="26" t="s">
        <v>113</v>
      </c>
    </row>
    <row r="18" spans="1:29" x14ac:dyDescent="0.4">
      <c r="A18" s="315" t="s">
        <v>1050</v>
      </c>
      <c r="B18" s="26" t="s">
        <v>1019</v>
      </c>
    </row>
    <row r="19" spans="1:29" ht="12.75" thickBot="1" x14ac:dyDescent="0.45">
      <c r="A19" s="316"/>
      <c r="B19" s="26" t="s">
        <v>1030</v>
      </c>
      <c r="R19" s="26" t="s">
        <v>1045</v>
      </c>
    </row>
    <row r="20" spans="1:29" ht="60" customHeight="1" thickBot="1" x14ac:dyDescent="0.2">
      <c r="A20" s="316"/>
      <c r="B20" s="320"/>
      <c r="C20" s="321"/>
      <c r="D20" s="62" t="s">
        <v>82</v>
      </c>
      <c r="E20" s="63" t="s">
        <v>83</v>
      </c>
      <c r="F20" s="63" t="s">
        <v>84</v>
      </c>
      <c r="G20" s="63" t="s">
        <v>85</v>
      </c>
      <c r="H20" s="63" t="s">
        <v>86</v>
      </c>
      <c r="I20" s="63" t="s">
        <v>87</v>
      </c>
      <c r="J20" s="63" t="s">
        <v>88</v>
      </c>
      <c r="K20" s="63" t="s">
        <v>89</v>
      </c>
      <c r="L20" s="63" t="s">
        <v>90</v>
      </c>
      <c r="M20" s="63" t="s">
        <v>91</v>
      </c>
      <c r="N20" s="63" t="s">
        <v>92</v>
      </c>
      <c r="O20" s="223" t="s">
        <v>93</v>
      </c>
      <c r="P20" s="224" t="s">
        <v>94</v>
      </c>
      <c r="Q20" s="225"/>
      <c r="R20" s="330" t="s">
        <v>1043</v>
      </c>
      <c r="S20" s="330"/>
      <c r="T20" s="330"/>
      <c r="U20" s="222"/>
      <c r="V20" s="222"/>
      <c r="W20" s="222"/>
      <c r="X20" s="222"/>
      <c r="Y20" s="252" t="s">
        <v>1044</v>
      </c>
      <c r="Z20" s="172"/>
      <c r="AA20" s="172"/>
      <c r="AB20" s="172"/>
      <c r="AC20" s="172"/>
    </row>
    <row r="21" spans="1:29" ht="20.100000000000001" customHeight="1" x14ac:dyDescent="0.4">
      <c r="A21" s="316"/>
      <c r="B21" s="331" t="s">
        <v>1020</v>
      </c>
      <c r="C21" s="235" t="s">
        <v>1027</v>
      </c>
      <c r="D21" s="236"/>
      <c r="E21" s="234"/>
      <c r="F21" s="234"/>
      <c r="G21" s="234"/>
      <c r="H21" s="234"/>
      <c r="I21" s="234"/>
      <c r="J21" s="234"/>
      <c r="K21" s="234"/>
      <c r="L21" s="234"/>
      <c r="M21" s="234"/>
      <c r="N21" s="234"/>
      <c r="O21" s="245"/>
      <c r="P21" s="240">
        <f t="shared" ref="P21:P26" si="8">SUM(D21:O21)</f>
        <v>0</v>
      </c>
      <c r="R21" s="11" t="s">
        <v>1032</v>
      </c>
      <c r="S21" s="11" t="s">
        <v>1033</v>
      </c>
      <c r="T21" s="11" t="s">
        <v>1034</v>
      </c>
      <c r="U21" s="11" t="s">
        <v>1035</v>
      </c>
      <c r="V21" s="11" t="s">
        <v>1036</v>
      </c>
      <c r="W21" s="11" t="s">
        <v>1037</v>
      </c>
      <c r="X21" s="11" t="s">
        <v>1038</v>
      </c>
      <c r="Y21" s="11" t="s">
        <v>1029</v>
      </c>
      <c r="Z21" s="172"/>
      <c r="AA21" s="172"/>
      <c r="AB21" s="172"/>
      <c r="AC21" s="172"/>
    </row>
    <row r="22" spans="1:29" ht="20.100000000000001" customHeight="1" x14ac:dyDescent="0.4">
      <c r="A22" s="316"/>
      <c r="B22" s="332"/>
      <c r="C22" s="230" t="s">
        <v>1028</v>
      </c>
      <c r="D22" s="237"/>
      <c r="E22" s="227"/>
      <c r="F22" s="227"/>
      <c r="G22" s="227"/>
      <c r="H22" s="227"/>
      <c r="I22" s="227"/>
      <c r="J22" s="227"/>
      <c r="K22" s="227"/>
      <c r="L22" s="227"/>
      <c r="M22" s="227"/>
      <c r="N22" s="227"/>
      <c r="O22" s="246"/>
      <c r="P22" s="241">
        <f t="shared" si="8"/>
        <v>0</v>
      </c>
      <c r="R22" s="11"/>
      <c r="S22" s="11"/>
      <c r="T22" s="11"/>
      <c r="U22" s="11"/>
      <c r="V22" s="11"/>
      <c r="W22" s="11"/>
      <c r="X22" s="11"/>
      <c r="Y22" s="34">
        <f>SUM(R22:X22)</f>
        <v>0</v>
      </c>
      <c r="Z22" s="172"/>
      <c r="AA22" s="172"/>
      <c r="AB22" s="172"/>
      <c r="AC22" s="172"/>
    </row>
    <row r="23" spans="1:29" ht="20.100000000000001" customHeight="1" x14ac:dyDescent="0.4">
      <c r="A23" s="316"/>
      <c r="B23" s="333"/>
      <c r="C23" s="71" t="s">
        <v>1026</v>
      </c>
      <c r="D23" s="82"/>
      <c r="E23" s="56"/>
      <c r="F23" s="56"/>
      <c r="G23" s="56"/>
      <c r="H23" s="56"/>
      <c r="I23" s="56"/>
      <c r="J23" s="56"/>
      <c r="K23" s="56"/>
      <c r="L23" s="56"/>
      <c r="M23" s="56"/>
      <c r="N23" s="56"/>
      <c r="O23" s="247"/>
      <c r="P23" s="242">
        <f t="shared" si="8"/>
        <v>0</v>
      </c>
      <c r="R23" s="172"/>
      <c r="S23" s="172"/>
      <c r="T23" s="172"/>
      <c r="U23" s="172"/>
      <c r="V23" s="172"/>
      <c r="W23" s="172"/>
      <c r="X23" s="172"/>
      <c r="Y23" s="172"/>
      <c r="Z23" s="172"/>
      <c r="AA23" s="172"/>
      <c r="AB23" s="172"/>
      <c r="AC23" s="172"/>
    </row>
    <row r="24" spans="1:29" ht="20.100000000000001" customHeight="1" x14ac:dyDescent="0.15">
      <c r="A24" s="316"/>
      <c r="B24" s="326" t="s">
        <v>1021</v>
      </c>
      <c r="C24" s="229" t="s">
        <v>1027</v>
      </c>
      <c r="D24" s="238"/>
      <c r="E24" s="226"/>
      <c r="F24" s="226"/>
      <c r="G24" s="226"/>
      <c r="H24" s="226"/>
      <c r="I24" s="226"/>
      <c r="J24" s="226"/>
      <c r="K24" s="226"/>
      <c r="L24" s="226"/>
      <c r="M24" s="226"/>
      <c r="N24" s="226"/>
      <c r="O24" s="248"/>
      <c r="P24" s="243">
        <f t="shared" si="8"/>
        <v>0</v>
      </c>
      <c r="R24" s="172" t="s">
        <v>1031</v>
      </c>
      <c r="S24" s="172"/>
      <c r="T24" s="172"/>
      <c r="U24" s="172"/>
      <c r="V24" s="253" t="s">
        <v>1044</v>
      </c>
      <c r="W24" s="172"/>
      <c r="X24" s="172"/>
      <c r="Y24" s="172"/>
      <c r="Z24" s="172"/>
      <c r="AA24" s="172"/>
      <c r="AB24" s="172"/>
      <c r="AC24" s="172"/>
    </row>
    <row r="25" spans="1:29" ht="20.100000000000001" customHeight="1" x14ac:dyDescent="0.4">
      <c r="A25" s="316"/>
      <c r="B25" s="327"/>
      <c r="C25" s="230" t="s">
        <v>1028</v>
      </c>
      <c r="D25" s="237"/>
      <c r="E25" s="227"/>
      <c r="F25" s="227"/>
      <c r="G25" s="227"/>
      <c r="H25" s="227"/>
      <c r="I25" s="227"/>
      <c r="J25" s="227"/>
      <c r="K25" s="227"/>
      <c r="L25" s="227"/>
      <c r="M25" s="227"/>
      <c r="N25" s="227"/>
      <c r="O25" s="246"/>
      <c r="P25" s="241">
        <f t="shared" si="8"/>
        <v>0</v>
      </c>
      <c r="R25" s="11" t="s">
        <v>1039</v>
      </c>
      <c r="S25" s="11" t="s">
        <v>1040</v>
      </c>
      <c r="T25" s="11" t="s">
        <v>1041</v>
      </c>
      <c r="U25" s="11" t="s">
        <v>1042</v>
      </c>
      <c r="V25" s="11" t="s">
        <v>1029</v>
      </c>
      <c r="W25" s="172"/>
      <c r="X25" s="172"/>
      <c r="Y25" s="172"/>
      <c r="Z25" s="172"/>
      <c r="AA25" s="172"/>
      <c r="AB25" s="172"/>
      <c r="AC25" s="172"/>
    </row>
    <row r="26" spans="1:29" ht="20.100000000000001" customHeight="1" x14ac:dyDescent="0.4">
      <c r="A26" s="316"/>
      <c r="B26" s="328"/>
      <c r="C26" s="231" t="s">
        <v>1026</v>
      </c>
      <c r="D26" s="239"/>
      <c r="E26" s="228"/>
      <c r="F26" s="228"/>
      <c r="G26" s="228"/>
      <c r="H26" s="228"/>
      <c r="I26" s="228"/>
      <c r="J26" s="228"/>
      <c r="K26" s="228"/>
      <c r="L26" s="228"/>
      <c r="M26" s="228"/>
      <c r="N26" s="228"/>
      <c r="O26" s="249"/>
      <c r="P26" s="242">
        <f t="shared" si="8"/>
        <v>0</v>
      </c>
      <c r="R26" s="11"/>
      <c r="S26" s="11"/>
      <c r="T26" s="11"/>
      <c r="U26" s="11"/>
      <c r="V26" s="34">
        <f>SUM(R26:U26)</f>
        <v>0</v>
      </c>
      <c r="W26" s="172"/>
      <c r="X26" s="172"/>
      <c r="Y26" s="172"/>
      <c r="Z26" s="172"/>
      <c r="AA26" s="172"/>
      <c r="AB26" s="172"/>
      <c r="AC26" s="172"/>
    </row>
    <row r="27" spans="1:29" ht="20.100000000000001" customHeight="1" x14ac:dyDescent="0.4">
      <c r="A27" s="316"/>
      <c r="B27" s="326" t="s">
        <v>1022</v>
      </c>
      <c r="C27" s="229" t="s">
        <v>1027</v>
      </c>
      <c r="D27" s="238"/>
      <c r="E27" s="226"/>
      <c r="F27" s="226"/>
      <c r="G27" s="226"/>
      <c r="H27" s="226"/>
      <c r="I27" s="226"/>
      <c r="J27" s="226"/>
      <c r="K27" s="226"/>
      <c r="L27" s="226"/>
      <c r="M27" s="226"/>
      <c r="N27" s="226"/>
      <c r="O27" s="248"/>
      <c r="P27" s="243">
        <f t="shared" ref="P27:P41" si="9">SUM(D27:O27)</f>
        <v>0</v>
      </c>
      <c r="R27" s="172"/>
      <c r="S27" s="172"/>
      <c r="T27" s="172"/>
      <c r="U27" s="172"/>
      <c r="V27" s="172"/>
      <c r="W27" s="172"/>
      <c r="X27" s="172"/>
      <c r="Y27" s="172"/>
      <c r="Z27" s="172"/>
      <c r="AA27" s="172"/>
      <c r="AB27" s="172"/>
      <c r="AC27" s="172"/>
    </row>
    <row r="28" spans="1:29" ht="20.100000000000001" customHeight="1" x14ac:dyDescent="0.4">
      <c r="A28" s="316"/>
      <c r="B28" s="327"/>
      <c r="C28" s="230" t="s">
        <v>1028</v>
      </c>
      <c r="D28" s="237"/>
      <c r="E28" s="227"/>
      <c r="F28" s="227"/>
      <c r="G28" s="227"/>
      <c r="H28" s="227"/>
      <c r="I28" s="227"/>
      <c r="J28" s="227"/>
      <c r="K28" s="227"/>
      <c r="L28" s="227"/>
      <c r="M28" s="227"/>
      <c r="N28" s="227"/>
      <c r="O28" s="246"/>
      <c r="P28" s="241">
        <f t="shared" si="9"/>
        <v>0</v>
      </c>
      <c r="R28" s="251"/>
      <c r="S28" s="251"/>
      <c r="T28" s="251"/>
      <c r="U28" s="251"/>
      <c r="V28" s="251"/>
      <c r="W28" s="251"/>
      <c r="X28" s="251"/>
      <c r="Y28" s="251"/>
      <c r="Z28" s="251"/>
      <c r="AA28" s="251"/>
      <c r="AB28" s="251"/>
      <c r="AC28" s="251"/>
    </row>
    <row r="29" spans="1:29" ht="20.100000000000001" customHeight="1" x14ac:dyDescent="0.4">
      <c r="A29" s="316"/>
      <c r="B29" s="328"/>
      <c r="C29" s="231" t="s">
        <v>1026</v>
      </c>
      <c r="D29" s="239"/>
      <c r="E29" s="228"/>
      <c r="F29" s="228"/>
      <c r="G29" s="228"/>
      <c r="H29" s="228"/>
      <c r="I29" s="228"/>
      <c r="J29" s="228"/>
      <c r="K29" s="228"/>
      <c r="L29" s="228"/>
      <c r="M29" s="228"/>
      <c r="N29" s="228"/>
      <c r="O29" s="249"/>
      <c r="P29" s="242">
        <f t="shared" si="9"/>
        <v>0</v>
      </c>
      <c r="R29" s="251"/>
      <c r="S29" s="251"/>
      <c r="T29" s="251"/>
      <c r="U29" s="251"/>
      <c r="V29" s="251"/>
      <c r="W29" s="251"/>
      <c r="X29" s="251"/>
      <c r="Y29" s="251"/>
      <c r="Z29" s="251"/>
      <c r="AA29" s="251"/>
      <c r="AB29" s="251"/>
      <c r="AC29" s="251"/>
    </row>
    <row r="30" spans="1:29" ht="20.100000000000001" customHeight="1" x14ac:dyDescent="0.4">
      <c r="A30" s="316"/>
      <c r="B30" s="326" t="s">
        <v>1023</v>
      </c>
      <c r="C30" s="229" t="s">
        <v>1027</v>
      </c>
      <c r="D30" s="267" t="s">
        <v>1144</v>
      </c>
      <c r="E30" s="178" t="s">
        <v>1144</v>
      </c>
      <c r="F30" s="178" t="s">
        <v>1144</v>
      </c>
      <c r="G30" s="178" t="s">
        <v>1144</v>
      </c>
      <c r="H30" s="178" t="s">
        <v>1144</v>
      </c>
      <c r="I30" s="178" t="s">
        <v>1144</v>
      </c>
      <c r="J30" s="178" t="s">
        <v>1144</v>
      </c>
      <c r="K30" s="178" t="s">
        <v>1144</v>
      </c>
      <c r="L30" s="178" t="s">
        <v>1144</v>
      </c>
      <c r="M30" s="178" t="s">
        <v>1144</v>
      </c>
      <c r="N30" s="178" t="s">
        <v>1144</v>
      </c>
      <c r="O30" s="277" t="s">
        <v>1144</v>
      </c>
      <c r="P30" s="243">
        <f t="shared" si="9"/>
        <v>0</v>
      </c>
      <c r="R30" s="172"/>
      <c r="S30" s="172"/>
      <c r="T30" s="172"/>
      <c r="U30" s="172"/>
      <c r="V30" s="172"/>
      <c r="W30" s="172"/>
      <c r="X30" s="172"/>
      <c r="Y30" s="172"/>
      <c r="Z30" s="172"/>
      <c r="AA30" s="172"/>
      <c r="AB30" s="172"/>
      <c r="AC30" s="172"/>
    </row>
    <row r="31" spans="1:29" ht="20.100000000000001" customHeight="1" x14ac:dyDescent="0.4">
      <c r="A31" s="316"/>
      <c r="B31" s="327"/>
      <c r="C31" s="230" t="s">
        <v>1028</v>
      </c>
      <c r="D31" s="266" t="s">
        <v>1144</v>
      </c>
      <c r="E31" s="278" t="s">
        <v>1144</v>
      </c>
      <c r="F31" s="278" t="s">
        <v>1144</v>
      </c>
      <c r="G31" s="278" t="s">
        <v>1144</v>
      </c>
      <c r="H31" s="278" t="s">
        <v>1144</v>
      </c>
      <c r="I31" s="278" t="s">
        <v>1144</v>
      </c>
      <c r="J31" s="278" t="s">
        <v>1144</v>
      </c>
      <c r="K31" s="278" t="s">
        <v>1144</v>
      </c>
      <c r="L31" s="278" t="s">
        <v>1144</v>
      </c>
      <c r="M31" s="278" t="s">
        <v>1144</v>
      </c>
      <c r="N31" s="278" t="s">
        <v>1144</v>
      </c>
      <c r="O31" s="279" t="s">
        <v>1144</v>
      </c>
      <c r="P31" s="241">
        <f t="shared" si="9"/>
        <v>0</v>
      </c>
      <c r="R31" s="172"/>
      <c r="S31" s="172"/>
      <c r="T31" s="172"/>
      <c r="U31" s="172"/>
      <c r="V31" s="172"/>
      <c r="W31" s="172"/>
      <c r="X31" s="172"/>
      <c r="Y31" s="172"/>
      <c r="Z31" s="172"/>
      <c r="AA31" s="172"/>
      <c r="AB31" s="172"/>
      <c r="AC31" s="172"/>
    </row>
    <row r="32" spans="1:29" ht="20.100000000000001" customHeight="1" x14ac:dyDescent="0.4">
      <c r="A32" s="316"/>
      <c r="B32" s="328"/>
      <c r="C32" s="231" t="s">
        <v>1026</v>
      </c>
      <c r="D32" s="280" t="s">
        <v>1144</v>
      </c>
      <c r="E32" s="281" t="s">
        <v>1144</v>
      </c>
      <c r="F32" s="281" t="s">
        <v>1144</v>
      </c>
      <c r="G32" s="281" t="s">
        <v>1144</v>
      </c>
      <c r="H32" s="281" t="s">
        <v>1144</v>
      </c>
      <c r="I32" s="281" t="s">
        <v>1144</v>
      </c>
      <c r="J32" s="281" t="s">
        <v>1144</v>
      </c>
      <c r="K32" s="281" t="s">
        <v>1144</v>
      </c>
      <c r="L32" s="281" t="s">
        <v>1144</v>
      </c>
      <c r="M32" s="281" t="s">
        <v>1144</v>
      </c>
      <c r="N32" s="281" t="s">
        <v>1144</v>
      </c>
      <c r="O32" s="282" t="s">
        <v>1144</v>
      </c>
      <c r="P32" s="242">
        <f t="shared" si="9"/>
        <v>0</v>
      </c>
      <c r="R32" s="172"/>
      <c r="S32" s="172"/>
      <c r="T32" s="172"/>
      <c r="U32" s="172"/>
      <c r="V32" s="172"/>
      <c r="W32" s="172"/>
      <c r="X32" s="172"/>
      <c r="Y32" s="172"/>
      <c r="Z32" s="172"/>
      <c r="AA32" s="172"/>
      <c r="AB32" s="172"/>
      <c r="AC32" s="172"/>
    </row>
    <row r="33" spans="1:29" ht="20.100000000000001" customHeight="1" x14ac:dyDescent="0.4">
      <c r="A33" s="316"/>
      <c r="B33" s="326" t="s">
        <v>1024</v>
      </c>
      <c r="C33" s="229" t="s">
        <v>1027</v>
      </c>
      <c r="D33" s="267" t="s">
        <v>1144</v>
      </c>
      <c r="E33" s="178" t="s">
        <v>1144</v>
      </c>
      <c r="F33" s="178" t="s">
        <v>1144</v>
      </c>
      <c r="G33" s="178" t="s">
        <v>1144</v>
      </c>
      <c r="H33" s="178" t="s">
        <v>1144</v>
      </c>
      <c r="I33" s="178" t="s">
        <v>1144</v>
      </c>
      <c r="J33" s="178" t="s">
        <v>1144</v>
      </c>
      <c r="K33" s="178" t="s">
        <v>1144</v>
      </c>
      <c r="L33" s="178" t="s">
        <v>1144</v>
      </c>
      <c r="M33" s="178" t="s">
        <v>1144</v>
      </c>
      <c r="N33" s="178" t="s">
        <v>1144</v>
      </c>
      <c r="O33" s="277" t="s">
        <v>1144</v>
      </c>
      <c r="P33" s="243">
        <f t="shared" si="9"/>
        <v>0</v>
      </c>
      <c r="R33" s="172"/>
      <c r="S33" s="172"/>
      <c r="T33" s="172"/>
      <c r="U33" s="172"/>
      <c r="V33" s="172"/>
      <c r="W33" s="172"/>
      <c r="X33" s="172"/>
      <c r="Y33" s="172"/>
      <c r="Z33" s="172"/>
      <c r="AA33" s="172"/>
      <c r="AB33" s="172"/>
      <c r="AC33" s="172"/>
    </row>
    <row r="34" spans="1:29" ht="20.100000000000001" customHeight="1" x14ac:dyDescent="0.4">
      <c r="A34" s="316"/>
      <c r="B34" s="327"/>
      <c r="C34" s="230" t="s">
        <v>1028</v>
      </c>
      <c r="D34" s="266" t="s">
        <v>1144</v>
      </c>
      <c r="E34" s="278" t="s">
        <v>1144</v>
      </c>
      <c r="F34" s="278" t="s">
        <v>1144</v>
      </c>
      <c r="G34" s="278" t="s">
        <v>1144</v>
      </c>
      <c r="H34" s="278" t="s">
        <v>1144</v>
      </c>
      <c r="I34" s="278" t="s">
        <v>1144</v>
      </c>
      <c r="J34" s="278" t="s">
        <v>1144</v>
      </c>
      <c r="K34" s="278" t="s">
        <v>1144</v>
      </c>
      <c r="L34" s="278" t="s">
        <v>1144</v>
      </c>
      <c r="M34" s="278" t="s">
        <v>1144</v>
      </c>
      <c r="N34" s="278" t="s">
        <v>1144</v>
      </c>
      <c r="O34" s="279" t="s">
        <v>1144</v>
      </c>
      <c r="P34" s="241">
        <f t="shared" si="9"/>
        <v>0</v>
      </c>
      <c r="R34" s="251"/>
      <c r="S34" s="251"/>
      <c r="T34" s="251"/>
      <c r="U34" s="251"/>
      <c r="V34" s="251"/>
      <c r="W34" s="251"/>
      <c r="X34" s="251"/>
      <c r="Y34" s="251"/>
      <c r="Z34" s="251"/>
      <c r="AA34" s="251"/>
      <c r="AB34" s="251"/>
      <c r="AC34" s="251"/>
    </row>
    <row r="35" spans="1:29" ht="20.100000000000001" customHeight="1" x14ac:dyDescent="0.4">
      <c r="A35" s="317"/>
      <c r="B35" s="328"/>
      <c r="C35" s="231" t="s">
        <v>1026</v>
      </c>
      <c r="D35" s="280" t="s">
        <v>1144</v>
      </c>
      <c r="E35" s="281" t="s">
        <v>1144</v>
      </c>
      <c r="F35" s="281" t="s">
        <v>1144</v>
      </c>
      <c r="G35" s="281" t="s">
        <v>1144</v>
      </c>
      <c r="H35" s="281" t="s">
        <v>1144</v>
      </c>
      <c r="I35" s="281" t="s">
        <v>1144</v>
      </c>
      <c r="J35" s="281" t="s">
        <v>1144</v>
      </c>
      <c r="K35" s="281" t="s">
        <v>1144</v>
      </c>
      <c r="L35" s="281" t="s">
        <v>1144</v>
      </c>
      <c r="M35" s="281" t="s">
        <v>1144</v>
      </c>
      <c r="N35" s="281" t="s">
        <v>1144</v>
      </c>
      <c r="O35" s="282" t="s">
        <v>1144</v>
      </c>
      <c r="P35" s="242">
        <f t="shared" si="9"/>
        <v>0</v>
      </c>
      <c r="R35" s="251"/>
      <c r="S35" s="251"/>
      <c r="T35" s="251"/>
      <c r="U35" s="251"/>
      <c r="V35" s="251"/>
      <c r="W35" s="251"/>
      <c r="X35" s="251"/>
      <c r="Y35" s="251"/>
      <c r="Z35" s="251"/>
      <c r="AA35" s="251"/>
      <c r="AB35" s="251"/>
      <c r="AC35" s="251"/>
    </row>
    <row r="36" spans="1:29" ht="20.100000000000001" customHeight="1" x14ac:dyDescent="0.4">
      <c r="A36" s="317"/>
      <c r="B36" s="326" t="s">
        <v>1025</v>
      </c>
      <c r="C36" s="229" t="s">
        <v>1027</v>
      </c>
      <c r="D36" s="267" t="s">
        <v>1144</v>
      </c>
      <c r="E36" s="178" t="s">
        <v>1144</v>
      </c>
      <c r="F36" s="178" t="s">
        <v>1144</v>
      </c>
      <c r="G36" s="178" t="s">
        <v>1144</v>
      </c>
      <c r="H36" s="178" t="s">
        <v>1144</v>
      </c>
      <c r="I36" s="178" t="s">
        <v>1144</v>
      </c>
      <c r="J36" s="178" t="s">
        <v>1144</v>
      </c>
      <c r="K36" s="178" t="s">
        <v>1144</v>
      </c>
      <c r="L36" s="178" t="s">
        <v>1144</v>
      </c>
      <c r="M36" s="178" t="s">
        <v>1144</v>
      </c>
      <c r="N36" s="178" t="s">
        <v>1144</v>
      </c>
      <c r="O36" s="277" t="s">
        <v>1144</v>
      </c>
      <c r="P36" s="243">
        <f t="shared" si="9"/>
        <v>0</v>
      </c>
      <c r="R36" s="172"/>
      <c r="S36" s="172"/>
      <c r="T36" s="172"/>
      <c r="U36" s="172"/>
      <c r="V36" s="172"/>
      <c r="W36" s="172"/>
      <c r="X36" s="172"/>
      <c r="Y36" s="172"/>
      <c r="Z36" s="172"/>
      <c r="AA36" s="172"/>
      <c r="AB36" s="172"/>
      <c r="AC36" s="172"/>
    </row>
    <row r="37" spans="1:29" ht="20.100000000000001" customHeight="1" x14ac:dyDescent="0.4">
      <c r="A37" s="317"/>
      <c r="B37" s="327"/>
      <c r="C37" s="230" t="s">
        <v>1028</v>
      </c>
      <c r="D37" s="266" t="s">
        <v>1144</v>
      </c>
      <c r="E37" s="278" t="s">
        <v>1144</v>
      </c>
      <c r="F37" s="278" t="s">
        <v>1144</v>
      </c>
      <c r="G37" s="278" t="s">
        <v>1144</v>
      </c>
      <c r="H37" s="278" t="s">
        <v>1144</v>
      </c>
      <c r="I37" s="278" t="s">
        <v>1144</v>
      </c>
      <c r="J37" s="278" t="s">
        <v>1144</v>
      </c>
      <c r="K37" s="278" t="s">
        <v>1144</v>
      </c>
      <c r="L37" s="278" t="s">
        <v>1144</v>
      </c>
      <c r="M37" s="278" t="s">
        <v>1144</v>
      </c>
      <c r="N37" s="278" t="s">
        <v>1144</v>
      </c>
      <c r="O37" s="279" t="s">
        <v>1144</v>
      </c>
      <c r="P37" s="241">
        <f t="shared" si="9"/>
        <v>0</v>
      </c>
      <c r="R37" s="172"/>
      <c r="S37" s="172"/>
      <c r="T37" s="172"/>
      <c r="U37" s="172"/>
      <c r="V37" s="172"/>
      <c r="W37" s="172"/>
      <c r="X37" s="172"/>
      <c r="Y37" s="172"/>
      <c r="Z37" s="172"/>
      <c r="AA37" s="172"/>
      <c r="AB37" s="172"/>
      <c r="AC37" s="172"/>
    </row>
    <row r="38" spans="1:29" ht="20.100000000000001" customHeight="1" x14ac:dyDescent="0.4">
      <c r="A38" s="317"/>
      <c r="B38" s="328"/>
      <c r="C38" s="231" t="s">
        <v>1026</v>
      </c>
      <c r="D38" s="280" t="s">
        <v>1144</v>
      </c>
      <c r="E38" s="281" t="s">
        <v>1144</v>
      </c>
      <c r="F38" s="281" t="s">
        <v>1144</v>
      </c>
      <c r="G38" s="281" t="s">
        <v>1144</v>
      </c>
      <c r="H38" s="281" t="s">
        <v>1144</v>
      </c>
      <c r="I38" s="281" t="s">
        <v>1144</v>
      </c>
      <c r="J38" s="281" t="s">
        <v>1144</v>
      </c>
      <c r="K38" s="281" t="s">
        <v>1144</v>
      </c>
      <c r="L38" s="281" t="s">
        <v>1144</v>
      </c>
      <c r="M38" s="281" t="s">
        <v>1144</v>
      </c>
      <c r="N38" s="281" t="s">
        <v>1144</v>
      </c>
      <c r="O38" s="282" t="s">
        <v>1144</v>
      </c>
      <c r="P38" s="242">
        <f t="shared" si="9"/>
        <v>0</v>
      </c>
      <c r="R38" s="172"/>
      <c r="S38" s="172"/>
      <c r="T38" s="172"/>
      <c r="U38" s="172"/>
      <c r="V38" s="172"/>
      <c r="W38" s="172"/>
      <c r="X38" s="172"/>
      <c r="Y38" s="172"/>
      <c r="Z38" s="172"/>
      <c r="AA38" s="172"/>
      <c r="AB38" s="172"/>
      <c r="AC38" s="172"/>
    </row>
    <row r="39" spans="1:29" ht="20.100000000000001" customHeight="1" x14ac:dyDescent="0.4">
      <c r="A39" s="317"/>
      <c r="B39" s="326" t="s">
        <v>1029</v>
      </c>
      <c r="C39" s="229" t="s">
        <v>1027</v>
      </c>
      <c r="D39" s="13">
        <f t="shared" ref="D39:E41" si="10">D21+D24+D27</f>
        <v>0</v>
      </c>
      <c r="E39" s="254">
        <f t="shared" si="10"/>
        <v>0</v>
      </c>
      <c r="F39" s="254">
        <f t="shared" ref="F39:N39" si="11">F21+F24+F27</f>
        <v>0</v>
      </c>
      <c r="G39" s="254">
        <f t="shared" si="11"/>
        <v>0</v>
      </c>
      <c r="H39" s="254">
        <f t="shared" si="11"/>
        <v>0</v>
      </c>
      <c r="I39" s="254">
        <f t="shared" si="11"/>
        <v>0</v>
      </c>
      <c r="J39" s="254">
        <f t="shared" si="11"/>
        <v>0</v>
      </c>
      <c r="K39" s="254">
        <f t="shared" si="11"/>
        <v>0</v>
      </c>
      <c r="L39" s="254">
        <f t="shared" si="11"/>
        <v>0</v>
      </c>
      <c r="M39" s="254">
        <f t="shared" si="11"/>
        <v>0</v>
      </c>
      <c r="N39" s="254">
        <f t="shared" si="11"/>
        <v>0</v>
      </c>
      <c r="O39" s="255">
        <f>O21+O24+O27</f>
        <v>0</v>
      </c>
      <c r="P39" s="243">
        <f t="shared" si="9"/>
        <v>0</v>
      </c>
      <c r="R39" s="172"/>
      <c r="S39" s="172"/>
      <c r="T39" s="172"/>
      <c r="U39" s="172"/>
      <c r="V39" s="172"/>
      <c r="W39" s="172"/>
      <c r="X39" s="172"/>
      <c r="Y39" s="172"/>
      <c r="Z39" s="172"/>
      <c r="AA39" s="172"/>
      <c r="AB39" s="172"/>
      <c r="AC39" s="172"/>
    </row>
    <row r="40" spans="1:29" ht="20.100000000000001" customHeight="1" x14ac:dyDescent="0.4">
      <c r="A40" s="317"/>
      <c r="B40" s="327"/>
      <c r="C40" s="230" t="s">
        <v>1028</v>
      </c>
      <c r="D40" s="28">
        <f t="shared" si="10"/>
        <v>0</v>
      </c>
      <c r="E40" s="227">
        <f t="shared" si="10"/>
        <v>0</v>
      </c>
      <c r="F40" s="227">
        <f t="shared" ref="F40:N40" si="12">F22+F25+F28</f>
        <v>0</v>
      </c>
      <c r="G40" s="227">
        <f t="shared" si="12"/>
        <v>0</v>
      </c>
      <c r="H40" s="227">
        <f t="shared" si="12"/>
        <v>0</v>
      </c>
      <c r="I40" s="227">
        <f t="shared" si="12"/>
        <v>0</v>
      </c>
      <c r="J40" s="227">
        <f t="shared" si="12"/>
        <v>0</v>
      </c>
      <c r="K40" s="227">
        <f t="shared" si="12"/>
        <v>0</v>
      </c>
      <c r="L40" s="227">
        <f t="shared" si="12"/>
        <v>0</v>
      </c>
      <c r="M40" s="227">
        <f t="shared" si="12"/>
        <v>0</v>
      </c>
      <c r="N40" s="227">
        <f t="shared" si="12"/>
        <v>0</v>
      </c>
      <c r="O40" s="246">
        <f>O22+O25+O28</f>
        <v>0</v>
      </c>
      <c r="P40" s="241">
        <f t="shared" si="9"/>
        <v>0</v>
      </c>
      <c r="R40" s="172"/>
      <c r="S40" s="172"/>
      <c r="T40" s="172"/>
      <c r="U40" s="172"/>
      <c r="V40" s="172"/>
      <c r="W40" s="172"/>
      <c r="X40" s="172"/>
      <c r="Y40" s="172"/>
      <c r="Z40" s="172"/>
      <c r="AA40" s="172"/>
      <c r="AB40" s="172"/>
      <c r="AC40" s="172"/>
    </row>
    <row r="41" spans="1:29" ht="20.100000000000001" customHeight="1" thickBot="1" x14ac:dyDescent="0.45">
      <c r="A41" s="317"/>
      <c r="B41" s="329"/>
      <c r="C41" s="233" t="s">
        <v>1026</v>
      </c>
      <c r="D41" s="24">
        <f t="shared" si="10"/>
        <v>0</v>
      </c>
      <c r="E41" s="232">
        <f t="shared" si="10"/>
        <v>0</v>
      </c>
      <c r="F41" s="232">
        <f t="shared" ref="F41:N41" si="13">F23+F26+F29</f>
        <v>0</v>
      </c>
      <c r="G41" s="232">
        <f t="shared" si="13"/>
        <v>0</v>
      </c>
      <c r="H41" s="232">
        <f t="shared" si="13"/>
        <v>0</v>
      </c>
      <c r="I41" s="232">
        <f t="shared" si="13"/>
        <v>0</v>
      </c>
      <c r="J41" s="232">
        <f t="shared" si="13"/>
        <v>0</v>
      </c>
      <c r="K41" s="232">
        <f t="shared" si="13"/>
        <v>0</v>
      </c>
      <c r="L41" s="232">
        <f t="shared" si="13"/>
        <v>0</v>
      </c>
      <c r="M41" s="232">
        <f t="shared" si="13"/>
        <v>0</v>
      </c>
      <c r="N41" s="232">
        <f t="shared" si="13"/>
        <v>0</v>
      </c>
      <c r="O41" s="250">
        <f>O23+O26+O29</f>
        <v>0</v>
      </c>
      <c r="P41" s="244">
        <f t="shared" si="9"/>
        <v>0</v>
      </c>
      <c r="R41" s="172"/>
      <c r="S41" s="172"/>
      <c r="T41" s="172"/>
      <c r="U41" s="172"/>
      <c r="V41" s="172"/>
      <c r="W41" s="172"/>
      <c r="X41" s="172"/>
      <c r="Y41" s="172"/>
      <c r="Z41" s="172"/>
      <c r="AA41" s="172"/>
      <c r="AB41" s="172"/>
      <c r="AC41" s="172"/>
    </row>
    <row r="42" spans="1:29" x14ac:dyDescent="0.4">
      <c r="A42" s="317"/>
      <c r="B42" s="26" t="s">
        <v>1046</v>
      </c>
    </row>
  </sheetData>
  <mergeCells count="17">
    <mergeCell ref="R20:T20"/>
    <mergeCell ref="B20:C20"/>
    <mergeCell ref="B21:B23"/>
    <mergeCell ref="B24:B26"/>
    <mergeCell ref="B27:B29"/>
    <mergeCell ref="A18:A42"/>
    <mergeCell ref="A1:A17"/>
    <mergeCell ref="B15:C15"/>
    <mergeCell ref="B3:C3"/>
    <mergeCell ref="B4:B10"/>
    <mergeCell ref="B11:C11"/>
    <mergeCell ref="B12:C12"/>
    <mergeCell ref="B13:B14"/>
    <mergeCell ref="B33:B35"/>
    <mergeCell ref="B36:B38"/>
    <mergeCell ref="B39:B41"/>
    <mergeCell ref="B30:B32"/>
  </mergeCells>
  <phoneticPr fontId="2"/>
  <conditionalFormatting sqref="D4:O9">
    <cfRule type="containsBlanks" dxfId="7" priority="2">
      <formula>LEN(TRIM(D4))=0</formula>
    </cfRule>
    <cfRule type="expression" dxfId="6" priority="5">
      <formula>"FALSE=空白でなければ、色を消す"</formula>
    </cfRule>
  </conditionalFormatting>
  <conditionalFormatting sqref="D11:O11 S11:AC11 D13:O13 S13:AC13">
    <cfRule type="containsBlanks" dxfId="5" priority="1">
      <formula>LEN(TRIM(D11))=0</formula>
    </cfRule>
  </conditionalFormatting>
  <conditionalFormatting sqref="S4:AC9">
    <cfRule type="containsBlanks" dxfId="4" priority="3">
      <formula>LEN(TRIM(S4))=0</formula>
    </cfRule>
  </conditionalFormatting>
  <printOptions horizontalCentered="1" verticalCentered="1"/>
  <pageMargins left="0.39370078740157483" right="0.39370078740157483" top="0.59055118110236227" bottom="0.59055118110236227" header="0.31496062992125984" footer="0.31496062992125984"/>
  <pageSetup paperSize="9" scale="77" orientation="landscape" r:id="rId1"/>
  <rowBreaks count="1" manualBreakCount="1">
    <brk id="17" max="28"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F2F5B5-D028-44B8-878A-3B1AF086DF3F}">
  <sheetPr>
    <pageSetUpPr fitToPage="1"/>
  </sheetPr>
  <dimension ref="A1:R34"/>
  <sheetViews>
    <sheetView showGridLines="0" view="pageBreakPreview" zoomScaleNormal="100" zoomScaleSheetLayoutView="100" workbookViewId="0">
      <selection activeCell="B6" sqref="B6:B7"/>
    </sheetView>
  </sheetViews>
  <sheetFormatPr defaultRowHeight="12" x14ac:dyDescent="0.4"/>
  <cols>
    <col min="1" max="1" width="2.625" style="26" customWidth="1"/>
    <col min="2" max="3" width="7.625" style="26" customWidth="1"/>
    <col min="4" max="4" width="20.625" style="26" customWidth="1"/>
    <col min="5" max="6" width="8.625" style="26" customWidth="1"/>
    <col min="7" max="7" width="4.75" style="26" bestFit="1" customWidth="1"/>
    <col min="8" max="8" width="8.625" style="26" customWidth="1"/>
    <col min="9" max="11" width="4.75" style="26" customWidth="1"/>
    <col min="12" max="12" width="12.625" style="26" customWidth="1"/>
    <col min="13" max="14" width="8.625" style="26" customWidth="1"/>
    <col min="15" max="16" width="12.625" style="26" customWidth="1"/>
    <col min="17" max="17" width="9" style="26"/>
    <col min="18" max="18" width="11" style="26" customWidth="1"/>
    <col min="19" max="16384" width="9" style="26"/>
  </cols>
  <sheetData>
    <row r="1" spans="1:18" ht="14.1" customHeight="1" x14ac:dyDescent="0.4">
      <c r="A1" s="316" t="s">
        <v>915</v>
      </c>
      <c r="B1" s="26" t="s">
        <v>114</v>
      </c>
    </row>
    <row r="2" spans="1:18" ht="14.1" customHeight="1" x14ac:dyDescent="0.4">
      <c r="A2" s="316"/>
      <c r="B2" s="26" t="s">
        <v>115</v>
      </c>
    </row>
    <row r="3" spans="1:18" ht="20.100000000000001" customHeight="1" x14ac:dyDescent="0.4">
      <c r="A3" s="316"/>
      <c r="B3" s="336" t="s">
        <v>116</v>
      </c>
      <c r="C3" s="337" t="s">
        <v>117</v>
      </c>
      <c r="D3" s="338" t="s">
        <v>118</v>
      </c>
      <c r="E3" s="336" t="s">
        <v>119</v>
      </c>
      <c r="F3" s="336"/>
      <c r="G3" s="337" t="s">
        <v>120</v>
      </c>
      <c r="H3" s="337" t="s">
        <v>121</v>
      </c>
      <c r="I3" s="337"/>
      <c r="J3" s="337"/>
      <c r="K3" s="337"/>
      <c r="L3" s="341" t="s">
        <v>122</v>
      </c>
      <c r="M3" s="341"/>
      <c r="N3" s="341"/>
      <c r="O3" s="341"/>
      <c r="P3" s="341"/>
      <c r="Q3" s="338" t="s">
        <v>123</v>
      </c>
      <c r="R3" s="337" t="s">
        <v>124</v>
      </c>
    </row>
    <row r="4" spans="1:18" ht="39.950000000000003" customHeight="1" x14ac:dyDescent="0.4">
      <c r="A4" s="316"/>
      <c r="B4" s="336"/>
      <c r="C4" s="337"/>
      <c r="D4" s="338"/>
      <c r="E4" s="336" t="s">
        <v>125</v>
      </c>
      <c r="F4" s="337" t="s">
        <v>126</v>
      </c>
      <c r="G4" s="336"/>
      <c r="H4" s="337" t="s">
        <v>127</v>
      </c>
      <c r="I4" s="336"/>
      <c r="J4" s="339" t="s">
        <v>128</v>
      </c>
      <c r="K4" s="339" t="s">
        <v>129</v>
      </c>
      <c r="L4" s="342" t="s">
        <v>130</v>
      </c>
      <c r="M4" s="343" t="s">
        <v>131</v>
      </c>
      <c r="N4" s="343"/>
      <c r="O4" s="342" t="s">
        <v>132</v>
      </c>
      <c r="P4" s="342" t="s">
        <v>133</v>
      </c>
      <c r="Q4" s="338"/>
      <c r="R4" s="337"/>
    </row>
    <row r="5" spans="1:18" ht="39.950000000000003" customHeight="1" x14ac:dyDescent="0.4">
      <c r="A5" s="316"/>
      <c r="B5" s="336"/>
      <c r="C5" s="337"/>
      <c r="D5" s="338"/>
      <c r="E5" s="336"/>
      <c r="F5" s="337"/>
      <c r="G5" s="336"/>
      <c r="H5" s="78" t="s">
        <v>134</v>
      </c>
      <c r="I5" s="78" t="s">
        <v>135</v>
      </c>
      <c r="J5" s="339"/>
      <c r="K5" s="339"/>
      <c r="L5" s="343"/>
      <c r="M5" s="283" t="s">
        <v>136</v>
      </c>
      <c r="N5" s="283" t="s">
        <v>136</v>
      </c>
      <c r="O5" s="343"/>
      <c r="P5" s="343"/>
      <c r="Q5" s="338"/>
      <c r="R5" s="337"/>
    </row>
    <row r="6" spans="1:18" ht="20.100000000000001" customHeight="1" x14ac:dyDescent="0.4">
      <c r="A6" s="316"/>
      <c r="B6" s="349"/>
      <c r="C6" s="350"/>
      <c r="D6" s="76"/>
      <c r="E6" s="340"/>
      <c r="F6" s="347"/>
      <c r="G6" s="351"/>
      <c r="H6" s="347"/>
      <c r="I6" s="340"/>
      <c r="J6" s="340"/>
      <c r="K6" s="340"/>
      <c r="L6" s="334">
        <v>0</v>
      </c>
      <c r="M6" s="344"/>
      <c r="N6" s="346"/>
      <c r="O6" s="334">
        <v>0</v>
      </c>
      <c r="P6" s="334">
        <v>0</v>
      </c>
      <c r="Q6" s="295"/>
      <c r="R6" s="295"/>
    </row>
    <row r="7" spans="1:18" ht="20.100000000000001" customHeight="1" x14ac:dyDescent="0.4">
      <c r="A7" s="316"/>
      <c r="B7" s="340"/>
      <c r="C7" s="340"/>
      <c r="D7" s="75"/>
      <c r="E7" s="295"/>
      <c r="F7" s="348"/>
      <c r="G7" s="337"/>
      <c r="H7" s="348"/>
      <c r="I7" s="295"/>
      <c r="J7" s="295"/>
      <c r="K7" s="295"/>
      <c r="L7" s="335"/>
      <c r="M7" s="345"/>
      <c r="N7" s="345"/>
      <c r="O7" s="335"/>
      <c r="P7" s="335"/>
      <c r="Q7" s="295"/>
      <c r="R7" s="295"/>
    </row>
    <row r="8" spans="1:18" ht="20.100000000000001" customHeight="1" x14ac:dyDescent="0.4">
      <c r="A8" s="316"/>
      <c r="B8" s="349"/>
      <c r="C8" s="350"/>
      <c r="D8" s="76"/>
      <c r="E8" s="340"/>
      <c r="F8" s="347"/>
      <c r="G8" s="351"/>
      <c r="H8" s="347"/>
      <c r="I8" s="340"/>
      <c r="J8" s="340"/>
      <c r="K8" s="340"/>
      <c r="L8" s="334">
        <v>0</v>
      </c>
      <c r="M8" s="344"/>
      <c r="N8" s="346"/>
      <c r="O8" s="334">
        <v>0</v>
      </c>
      <c r="P8" s="334">
        <v>0</v>
      </c>
      <c r="Q8" s="295"/>
      <c r="R8" s="295"/>
    </row>
    <row r="9" spans="1:18" ht="20.100000000000001" customHeight="1" x14ac:dyDescent="0.4">
      <c r="A9" s="316"/>
      <c r="B9" s="340"/>
      <c r="C9" s="340"/>
      <c r="D9" s="75"/>
      <c r="E9" s="295"/>
      <c r="F9" s="348"/>
      <c r="G9" s="337"/>
      <c r="H9" s="348"/>
      <c r="I9" s="295"/>
      <c r="J9" s="295"/>
      <c r="K9" s="295"/>
      <c r="L9" s="335"/>
      <c r="M9" s="345"/>
      <c r="N9" s="345"/>
      <c r="O9" s="335"/>
      <c r="P9" s="335"/>
      <c r="Q9" s="295"/>
      <c r="R9" s="295"/>
    </row>
    <row r="10" spans="1:18" ht="20.100000000000001" customHeight="1" x14ac:dyDescent="0.4">
      <c r="A10" s="316"/>
      <c r="B10" s="349"/>
      <c r="C10" s="350"/>
      <c r="D10" s="76"/>
      <c r="E10" s="340"/>
      <c r="F10" s="347"/>
      <c r="G10" s="351"/>
      <c r="H10" s="347"/>
      <c r="I10" s="340"/>
      <c r="J10" s="340"/>
      <c r="K10" s="340"/>
      <c r="L10" s="334">
        <v>0</v>
      </c>
      <c r="M10" s="344"/>
      <c r="N10" s="346"/>
      <c r="O10" s="334">
        <v>0</v>
      </c>
      <c r="P10" s="334">
        <v>0</v>
      </c>
      <c r="Q10" s="295"/>
      <c r="R10" s="295"/>
    </row>
    <row r="11" spans="1:18" ht="20.100000000000001" customHeight="1" x14ac:dyDescent="0.4">
      <c r="A11" s="316"/>
      <c r="B11" s="340"/>
      <c r="C11" s="340"/>
      <c r="D11" s="75"/>
      <c r="E11" s="295"/>
      <c r="F11" s="348"/>
      <c r="G11" s="337"/>
      <c r="H11" s="348"/>
      <c r="I11" s="295"/>
      <c r="J11" s="295"/>
      <c r="K11" s="295"/>
      <c r="L11" s="335"/>
      <c r="M11" s="345"/>
      <c r="N11" s="345"/>
      <c r="O11" s="335"/>
      <c r="P11" s="335"/>
      <c r="Q11" s="295"/>
      <c r="R11" s="295"/>
    </row>
    <row r="12" spans="1:18" ht="20.100000000000001" customHeight="1" x14ac:dyDescent="0.4">
      <c r="A12" s="316"/>
      <c r="B12" s="349"/>
      <c r="C12" s="350"/>
      <c r="D12" s="76"/>
      <c r="E12" s="340"/>
      <c r="F12" s="347"/>
      <c r="G12" s="351"/>
      <c r="H12" s="347"/>
      <c r="I12" s="340"/>
      <c r="J12" s="340"/>
      <c r="K12" s="340"/>
      <c r="L12" s="334">
        <v>0</v>
      </c>
      <c r="M12" s="344"/>
      <c r="N12" s="346"/>
      <c r="O12" s="334">
        <v>0</v>
      </c>
      <c r="P12" s="334">
        <v>0</v>
      </c>
      <c r="Q12" s="295"/>
      <c r="R12" s="295"/>
    </row>
    <row r="13" spans="1:18" ht="20.100000000000001" customHeight="1" x14ac:dyDescent="0.4">
      <c r="A13" s="316"/>
      <c r="B13" s="340"/>
      <c r="C13" s="340"/>
      <c r="D13" s="75"/>
      <c r="E13" s="295"/>
      <c r="F13" s="348"/>
      <c r="G13" s="337"/>
      <c r="H13" s="348"/>
      <c r="I13" s="295"/>
      <c r="J13" s="295"/>
      <c r="K13" s="295"/>
      <c r="L13" s="335"/>
      <c r="M13" s="345"/>
      <c r="N13" s="345"/>
      <c r="O13" s="335"/>
      <c r="P13" s="335"/>
      <c r="Q13" s="295"/>
      <c r="R13" s="295"/>
    </row>
    <row r="14" spans="1:18" ht="20.100000000000001" customHeight="1" x14ac:dyDescent="0.4">
      <c r="A14" s="316"/>
      <c r="B14" s="349"/>
      <c r="C14" s="350"/>
      <c r="D14" s="76"/>
      <c r="E14" s="340"/>
      <c r="F14" s="347"/>
      <c r="G14" s="351"/>
      <c r="H14" s="347"/>
      <c r="I14" s="340"/>
      <c r="J14" s="340"/>
      <c r="K14" s="340"/>
      <c r="L14" s="334">
        <v>0</v>
      </c>
      <c r="M14" s="344"/>
      <c r="N14" s="346"/>
      <c r="O14" s="334">
        <v>0</v>
      </c>
      <c r="P14" s="334">
        <v>0</v>
      </c>
      <c r="Q14" s="295"/>
      <c r="R14" s="295"/>
    </row>
    <row r="15" spans="1:18" ht="20.100000000000001" customHeight="1" x14ac:dyDescent="0.4">
      <c r="A15" s="316"/>
      <c r="B15" s="340"/>
      <c r="C15" s="340"/>
      <c r="D15" s="75"/>
      <c r="E15" s="295"/>
      <c r="F15" s="348"/>
      <c r="G15" s="337"/>
      <c r="H15" s="348"/>
      <c r="I15" s="295"/>
      <c r="J15" s="295"/>
      <c r="K15" s="295"/>
      <c r="L15" s="335"/>
      <c r="M15" s="345"/>
      <c r="N15" s="345"/>
      <c r="O15" s="335"/>
      <c r="P15" s="335"/>
      <c r="Q15" s="295"/>
      <c r="R15" s="295"/>
    </row>
    <row r="16" spans="1:18" ht="20.100000000000001" customHeight="1" x14ac:dyDescent="0.4">
      <c r="A16" s="316"/>
      <c r="B16" s="349"/>
      <c r="C16" s="350"/>
      <c r="D16" s="76"/>
      <c r="E16" s="340"/>
      <c r="F16" s="347"/>
      <c r="G16" s="351"/>
      <c r="H16" s="347"/>
      <c r="I16" s="340"/>
      <c r="J16" s="340"/>
      <c r="K16" s="340"/>
      <c r="L16" s="334">
        <v>0</v>
      </c>
      <c r="M16" s="344"/>
      <c r="N16" s="346"/>
      <c r="O16" s="334">
        <v>0</v>
      </c>
      <c r="P16" s="334">
        <v>0</v>
      </c>
      <c r="Q16" s="295"/>
      <c r="R16" s="295"/>
    </row>
    <row r="17" spans="1:18" ht="20.100000000000001" customHeight="1" x14ac:dyDescent="0.4">
      <c r="A17" s="316"/>
      <c r="B17" s="340"/>
      <c r="C17" s="340"/>
      <c r="D17" s="75"/>
      <c r="E17" s="295"/>
      <c r="F17" s="348"/>
      <c r="G17" s="337"/>
      <c r="H17" s="348"/>
      <c r="I17" s="295"/>
      <c r="J17" s="295"/>
      <c r="K17" s="295"/>
      <c r="L17" s="335"/>
      <c r="M17" s="345"/>
      <c r="N17" s="345"/>
      <c r="O17" s="335"/>
      <c r="P17" s="335"/>
      <c r="Q17" s="295"/>
      <c r="R17" s="295"/>
    </row>
    <row r="18" spans="1:18" ht="20.100000000000001" customHeight="1" x14ac:dyDescent="0.4">
      <c r="A18" s="316"/>
      <c r="B18" s="349"/>
      <c r="C18" s="350"/>
      <c r="D18" s="76"/>
      <c r="E18" s="340"/>
      <c r="F18" s="347"/>
      <c r="G18" s="351"/>
      <c r="H18" s="347"/>
      <c r="I18" s="340"/>
      <c r="J18" s="340"/>
      <c r="K18" s="340"/>
      <c r="L18" s="334">
        <v>0</v>
      </c>
      <c r="M18" s="344"/>
      <c r="N18" s="346"/>
      <c r="O18" s="334">
        <v>0</v>
      </c>
      <c r="P18" s="334">
        <v>0</v>
      </c>
      <c r="Q18" s="295"/>
      <c r="R18" s="295"/>
    </row>
    <row r="19" spans="1:18" ht="20.100000000000001" customHeight="1" x14ac:dyDescent="0.4">
      <c r="A19" s="316"/>
      <c r="B19" s="340"/>
      <c r="C19" s="340"/>
      <c r="D19" s="75"/>
      <c r="E19" s="295"/>
      <c r="F19" s="348"/>
      <c r="G19" s="337"/>
      <c r="H19" s="348"/>
      <c r="I19" s="295"/>
      <c r="J19" s="295"/>
      <c r="K19" s="295"/>
      <c r="L19" s="335"/>
      <c r="M19" s="345"/>
      <c r="N19" s="345"/>
      <c r="O19" s="335"/>
      <c r="P19" s="335"/>
      <c r="Q19" s="295"/>
      <c r="R19" s="295"/>
    </row>
    <row r="20" spans="1:18" ht="20.100000000000001" customHeight="1" x14ac:dyDescent="0.4">
      <c r="A20" s="316"/>
      <c r="B20" s="349"/>
      <c r="C20" s="350"/>
      <c r="D20" s="76"/>
      <c r="E20" s="340"/>
      <c r="F20" s="347"/>
      <c r="G20" s="351"/>
      <c r="H20" s="347"/>
      <c r="I20" s="340"/>
      <c r="J20" s="340"/>
      <c r="K20" s="340"/>
      <c r="L20" s="334">
        <v>0</v>
      </c>
      <c r="M20" s="344"/>
      <c r="N20" s="346"/>
      <c r="O20" s="334">
        <v>0</v>
      </c>
      <c r="P20" s="334">
        <v>0</v>
      </c>
      <c r="Q20" s="295"/>
      <c r="R20" s="295"/>
    </row>
    <row r="21" spans="1:18" ht="20.100000000000001" customHeight="1" x14ac:dyDescent="0.4">
      <c r="A21" s="316"/>
      <c r="B21" s="340"/>
      <c r="C21" s="340"/>
      <c r="D21" s="75"/>
      <c r="E21" s="295"/>
      <c r="F21" s="348"/>
      <c r="G21" s="337"/>
      <c r="H21" s="348"/>
      <c r="I21" s="295"/>
      <c r="J21" s="295"/>
      <c r="K21" s="295"/>
      <c r="L21" s="335"/>
      <c r="M21" s="345"/>
      <c r="N21" s="345"/>
      <c r="O21" s="335"/>
      <c r="P21" s="335"/>
      <c r="Q21" s="295"/>
      <c r="R21" s="295"/>
    </row>
    <row r="22" spans="1:18" ht="20.100000000000001" customHeight="1" x14ac:dyDescent="0.4">
      <c r="A22" s="316"/>
      <c r="B22" s="349"/>
      <c r="C22" s="350"/>
      <c r="D22" s="76"/>
      <c r="E22" s="340"/>
      <c r="F22" s="347"/>
      <c r="G22" s="351"/>
      <c r="H22" s="347"/>
      <c r="I22" s="340"/>
      <c r="J22" s="340"/>
      <c r="K22" s="340"/>
      <c r="L22" s="334">
        <v>0</v>
      </c>
      <c r="M22" s="344"/>
      <c r="N22" s="346"/>
      <c r="O22" s="334">
        <v>0</v>
      </c>
      <c r="P22" s="334">
        <v>0</v>
      </c>
      <c r="Q22" s="295"/>
      <c r="R22" s="295"/>
    </row>
    <row r="23" spans="1:18" ht="20.100000000000001" customHeight="1" x14ac:dyDescent="0.4">
      <c r="A23" s="316"/>
      <c r="B23" s="340"/>
      <c r="C23" s="340"/>
      <c r="D23" s="75"/>
      <c r="E23" s="295"/>
      <c r="F23" s="348"/>
      <c r="G23" s="337"/>
      <c r="H23" s="348"/>
      <c r="I23" s="295"/>
      <c r="J23" s="295"/>
      <c r="K23" s="295"/>
      <c r="L23" s="335"/>
      <c r="M23" s="345"/>
      <c r="N23" s="345"/>
      <c r="O23" s="335"/>
      <c r="P23" s="335"/>
      <c r="Q23" s="295"/>
      <c r="R23" s="295"/>
    </row>
    <row r="24" spans="1:18" ht="20.100000000000001" customHeight="1" x14ac:dyDescent="0.4">
      <c r="A24" s="316"/>
      <c r="B24" s="349"/>
      <c r="C24" s="350"/>
      <c r="D24" s="76"/>
      <c r="E24" s="340"/>
      <c r="F24" s="347"/>
      <c r="G24" s="351"/>
      <c r="H24" s="347"/>
      <c r="I24" s="340"/>
      <c r="J24" s="340"/>
      <c r="K24" s="340"/>
      <c r="L24" s="334">
        <v>0</v>
      </c>
      <c r="M24" s="344"/>
      <c r="N24" s="346"/>
      <c r="O24" s="334">
        <v>0</v>
      </c>
      <c r="P24" s="334">
        <v>0</v>
      </c>
      <c r="Q24" s="295"/>
      <c r="R24" s="295"/>
    </row>
    <row r="25" spans="1:18" ht="20.100000000000001" customHeight="1" x14ac:dyDescent="0.4">
      <c r="A25" s="316"/>
      <c r="B25" s="340"/>
      <c r="C25" s="340"/>
      <c r="D25" s="75"/>
      <c r="E25" s="295"/>
      <c r="F25" s="348"/>
      <c r="G25" s="337"/>
      <c r="H25" s="348"/>
      <c r="I25" s="295"/>
      <c r="J25" s="295"/>
      <c r="K25" s="295"/>
      <c r="L25" s="335"/>
      <c r="M25" s="345"/>
      <c r="N25" s="345"/>
      <c r="O25" s="335"/>
      <c r="P25" s="335"/>
      <c r="Q25" s="295"/>
      <c r="R25" s="295"/>
    </row>
    <row r="26" spans="1:18" ht="20.100000000000001" customHeight="1" x14ac:dyDescent="0.4">
      <c r="A26" s="316"/>
      <c r="B26" s="349"/>
      <c r="C26" s="350"/>
      <c r="D26" s="76"/>
      <c r="E26" s="340"/>
      <c r="F26" s="347"/>
      <c r="G26" s="351"/>
      <c r="H26" s="347"/>
      <c r="I26" s="340"/>
      <c r="J26" s="340"/>
      <c r="K26" s="340"/>
      <c r="L26" s="334">
        <v>0</v>
      </c>
      <c r="M26" s="344"/>
      <c r="N26" s="346"/>
      <c r="O26" s="334">
        <v>0</v>
      </c>
      <c r="P26" s="334">
        <v>0</v>
      </c>
      <c r="Q26" s="295"/>
      <c r="R26" s="295"/>
    </row>
    <row r="27" spans="1:18" ht="20.100000000000001" customHeight="1" x14ac:dyDescent="0.4">
      <c r="A27" s="316"/>
      <c r="B27" s="340"/>
      <c r="C27" s="340"/>
      <c r="D27" s="75"/>
      <c r="E27" s="295"/>
      <c r="F27" s="348"/>
      <c r="G27" s="337"/>
      <c r="H27" s="348"/>
      <c r="I27" s="295"/>
      <c r="J27" s="295"/>
      <c r="K27" s="295"/>
      <c r="L27" s="335"/>
      <c r="M27" s="345"/>
      <c r="N27" s="345"/>
      <c r="O27" s="335"/>
      <c r="P27" s="335"/>
      <c r="Q27" s="295"/>
      <c r="R27" s="295"/>
    </row>
    <row r="28" spans="1:18" ht="20.100000000000001" customHeight="1" x14ac:dyDescent="0.4">
      <c r="A28" s="316"/>
      <c r="B28" s="349"/>
      <c r="C28" s="350"/>
      <c r="D28" s="76"/>
      <c r="E28" s="340"/>
      <c r="F28" s="347"/>
      <c r="G28" s="351"/>
      <c r="H28" s="347"/>
      <c r="I28" s="340"/>
      <c r="J28" s="340"/>
      <c r="K28" s="340"/>
      <c r="L28" s="334">
        <v>0</v>
      </c>
      <c r="M28" s="344"/>
      <c r="N28" s="346"/>
      <c r="O28" s="334">
        <v>0</v>
      </c>
      <c r="P28" s="334">
        <v>0</v>
      </c>
      <c r="Q28" s="295"/>
      <c r="R28" s="295"/>
    </row>
    <row r="29" spans="1:18" ht="20.100000000000001" customHeight="1" x14ac:dyDescent="0.4">
      <c r="A29" s="316"/>
      <c r="B29" s="340"/>
      <c r="C29" s="340"/>
      <c r="D29" s="75"/>
      <c r="E29" s="295"/>
      <c r="F29" s="348"/>
      <c r="G29" s="337"/>
      <c r="H29" s="348"/>
      <c r="I29" s="295"/>
      <c r="J29" s="295"/>
      <c r="K29" s="295"/>
      <c r="L29" s="335"/>
      <c r="M29" s="345"/>
      <c r="N29" s="345"/>
      <c r="O29" s="335"/>
      <c r="P29" s="335"/>
      <c r="Q29" s="295"/>
      <c r="R29" s="295"/>
    </row>
    <row r="30" spans="1:18" ht="18" customHeight="1" x14ac:dyDescent="0.4">
      <c r="A30" s="316"/>
      <c r="B30" s="26" t="s">
        <v>137</v>
      </c>
    </row>
    <row r="31" spans="1:18" ht="18" customHeight="1" x14ac:dyDescent="0.4">
      <c r="A31" s="316"/>
      <c r="B31" s="26" t="s">
        <v>138</v>
      </c>
    </row>
    <row r="32" spans="1:18" ht="18" customHeight="1" x14ac:dyDescent="0.4">
      <c r="A32" s="316"/>
      <c r="B32" s="26" t="s">
        <v>139</v>
      </c>
    </row>
    <row r="33" spans="1:2" ht="18" customHeight="1" x14ac:dyDescent="0.4">
      <c r="A33" s="316"/>
      <c r="B33" s="26" t="s">
        <v>1064</v>
      </c>
    </row>
    <row r="34" spans="1:2" ht="18" customHeight="1" x14ac:dyDescent="0.4">
      <c r="A34" s="316"/>
    </row>
  </sheetData>
  <mergeCells count="211">
    <mergeCell ref="A1:A34"/>
    <mergeCell ref="M16:M17"/>
    <mergeCell ref="N16:N17"/>
    <mergeCell ref="Q16:Q17"/>
    <mergeCell ref="R16:R17"/>
    <mergeCell ref="M12:M13"/>
    <mergeCell ref="N12:N13"/>
    <mergeCell ref="Q12:Q13"/>
    <mergeCell ref="R12:R13"/>
    <mergeCell ref="M28:M29"/>
    <mergeCell ref="N28:N29"/>
    <mergeCell ref="Q28:Q29"/>
    <mergeCell ref="R28:R29"/>
    <mergeCell ref="Q24:Q25"/>
    <mergeCell ref="R24:R25"/>
    <mergeCell ref="M20:M21"/>
    <mergeCell ref="N20:N21"/>
    <mergeCell ref="Q20:Q21"/>
    <mergeCell ref="R20:R21"/>
    <mergeCell ref="B6:B7"/>
    <mergeCell ref="C6:C7"/>
    <mergeCell ref="E6:E7"/>
    <mergeCell ref="F6:F7"/>
    <mergeCell ref="G6:G7"/>
    <mergeCell ref="I26:I27"/>
    <mergeCell ref="J26:J27"/>
    <mergeCell ref="K26:K27"/>
    <mergeCell ref="M26:M27"/>
    <mergeCell ref="N26:N27"/>
    <mergeCell ref="Q26:Q27"/>
    <mergeCell ref="M24:M25"/>
    <mergeCell ref="N24:N25"/>
    <mergeCell ref="B26:B27"/>
    <mergeCell ref="C26:C27"/>
    <mergeCell ref="E26:E27"/>
    <mergeCell ref="F26:F27"/>
    <mergeCell ref="G26:G27"/>
    <mergeCell ref="H26:H27"/>
    <mergeCell ref="B24:B25"/>
    <mergeCell ref="C24:C25"/>
    <mergeCell ref="E24:E25"/>
    <mergeCell ref="F24:F25"/>
    <mergeCell ref="G24:G25"/>
    <mergeCell ref="H24:H25"/>
    <mergeCell ref="I24:I25"/>
    <mergeCell ref="J24:J25"/>
    <mergeCell ref="K24:K25"/>
    <mergeCell ref="L24:L25"/>
    <mergeCell ref="B28:B29"/>
    <mergeCell ref="C28:C29"/>
    <mergeCell ref="E28:E29"/>
    <mergeCell ref="F28:F29"/>
    <mergeCell ref="G28:G29"/>
    <mergeCell ref="H28:H29"/>
    <mergeCell ref="I28:I29"/>
    <mergeCell ref="J28:J29"/>
    <mergeCell ref="K28:K29"/>
    <mergeCell ref="I22:I23"/>
    <mergeCell ref="J22:J23"/>
    <mergeCell ref="K22:K23"/>
    <mergeCell ref="M22:M23"/>
    <mergeCell ref="N22:N23"/>
    <mergeCell ref="Q22:Q23"/>
    <mergeCell ref="B22:B23"/>
    <mergeCell ref="C22:C23"/>
    <mergeCell ref="E22:E23"/>
    <mergeCell ref="F22:F23"/>
    <mergeCell ref="G22:G23"/>
    <mergeCell ref="H22:H23"/>
    <mergeCell ref="R26:R27"/>
    <mergeCell ref="R18:R19"/>
    <mergeCell ref="B20:B21"/>
    <mergeCell ref="C20:C21"/>
    <mergeCell ref="E20:E21"/>
    <mergeCell ref="F20:F21"/>
    <mergeCell ref="G20:G21"/>
    <mergeCell ref="H20:H21"/>
    <mergeCell ref="I20:I21"/>
    <mergeCell ref="J20:J21"/>
    <mergeCell ref="K20:K21"/>
    <mergeCell ref="I18:I19"/>
    <mergeCell ref="J18:J19"/>
    <mergeCell ref="K18:K19"/>
    <mergeCell ref="M18:M19"/>
    <mergeCell ref="N18:N19"/>
    <mergeCell ref="Q18:Q19"/>
    <mergeCell ref="B18:B19"/>
    <mergeCell ref="C18:C19"/>
    <mergeCell ref="E18:E19"/>
    <mergeCell ref="F18:F19"/>
    <mergeCell ref="G18:G19"/>
    <mergeCell ref="H18:H19"/>
    <mergeCell ref="R22:R23"/>
    <mergeCell ref="R14:R15"/>
    <mergeCell ref="B16:B17"/>
    <mergeCell ref="C16:C17"/>
    <mergeCell ref="E16:E17"/>
    <mergeCell ref="F16:F17"/>
    <mergeCell ref="G16:G17"/>
    <mergeCell ref="H16:H17"/>
    <mergeCell ref="I16:I17"/>
    <mergeCell ref="J16:J17"/>
    <mergeCell ref="K16:K17"/>
    <mergeCell ref="I14:I15"/>
    <mergeCell ref="J14:J15"/>
    <mergeCell ref="K14:K15"/>
    <mergeCell ref="M14:M15"/>
    <mergeCell ref="N14:N15"/>
    <mergeCell ref="Q14:Q15"/>
    <mergeCell ref="B14:B15"/>
    <mergeCell ref="C14:C15"/>
    <mergeCell ref="E14:E15"/>
    <mergeCell ref="F14:F15"/>
    <mergeCell ref="G14:G15"/>
    <mergeCell ref="H14:H15"/>
    <mergeCell ref="R10:R11"/>
    <mergeCell ref="B12:B13"/>
    <mergeCell ref="C12:C13"/>
    <mergeCell ref="E12:E13"/>
    <mergeCell ref="F12:F13"/>
    <mergeCell ref="G12:G13"/>
    <mergeCell ref="H12:H13"/>
    <mergeCell ref="I12:I13"/>
    <mergeCell ref="J12:J13"/>
    <mergeCell ref="K12:K13"/>
    <mergeCell ref="I10:I11"/>
    <mergeCell ref="J10:J11"/>
    <mergeCell ref="K10:K11"/>
    <mergeCell ref="M10:M11"/>
    <mergeCell ref="N10:N11"/>
    <mergeCell ref="Q10:Q11"/>
    <mergeCell ref="B10:B11"/>
    <mergeCell ref="C10:C11"/>
    <mergeCell ref="E10:E11"/>
    <mergeCell ref="F10:F11"/>
    <mergeCell ref="G10:G11"/>
    <mergeCell ref="H10:H11"/>
    <mergeCell ref="L10:L11"/>
    <mergeCell ref="O10:O11"/>
    <mergeCell ref="R8:R9"/>
    <mergeCell ref="Q8:Q9"/>
    <mergeCell ref="H8:H9"/>
    <mergeCell ref="I8:I9"/>
    <mergeCell ref="J8:J9"/>
    <mergeCell ref="K8:K9"/>
    <mergeCell ref="M8:M9"/>
    <mergeCell ref="N8:N9"/>
    <mergeCell ref="B8:B9"/>
    <mergeCell ref="C8:C9"/>
    <mergeCell ref="E8:E9"/>
    <mergeCell ref="F8:F9"/>
    <mergeCell ref="G8:G9"/>
    <mergeCell ref="L8:L9"/>
    <mergeCell ref="O8:O9"/>
    <mergeCell ref="P8:P9"/>
    <mergeCell ref="I6:I7"/>
    <mergeCell ref="G3:G5"/>
    <mergeCell ref="R3:R5"/>
    <mergeCell ref="Q3:Q5"/>
    <mergeCell ref="L3:P3"/>
    <mergeCell ref="O4:O5"/>
    <mergeCell ref="P4:P5"/>
    <mergeCell ref="M4:N4"/>
    <mergeCell ref="L4:L5"/>
    <mergeCell ref="J6:J7"/>
    <mergeCell ref="K6:K7"/>
    <mergeCell ref="M6:M7"/>
    <mergeCell ref="N6:N7"/>
    <mergeCell ref="Q6:Q7"/>
    <mergeCell ref="R6:R7"/>
    <mergeCell ref="H6:H7"/>
    <mergeCell ref="L6:L7"/>
    <mergeCell ref="O6:O7"/>
    <mergeCell ref="P6:P7"/>
    <mergeCell ref="B3:B5"/>
    <mergeCell ref="C3:C5"/>
    <mergeCell ref="D3:D5"/>
    <mergeCell ref="E3:F3"/>
    <mergeCell ref="F4:F5"/>
    <mergeCell ref="E4:E5"/>
    <mergeCell ref="H3:K3"/>
    <mergeCell ref="H4:I4"/>
    <mergeCell ref="J4:J5"/>
    <mergeCell ref="K4:K5"/>
    <mergeCell ref="P10:P11"/>
    <mergeCell ref="L12:L13"/>
    <mergeCell ref="O12:O13"/>
    <mergeCell ref="P12:P13"/>
    <mergeCell ref="L14:L15"/>
    <mergeCell ref="O14:O15"/>
    <mergeCell ref="P14:P15"/>
    <mergeCell ref="L16:L17"/>
    <mergeCell ref="O16:O17"/>
    <mergeCell ref="P16:P17"/>
    <mergeCell ref="O24:O25"/>
    <mergeCell ref="P24:P25"/>
    <mergeCell ref="L26:L27"/>
    <mergeCell ref="O26:O27"/>
    <mergeCell ref="P26:P27"/>
    <mergeCell ref="L28:L29"/>
    <mergeCell ref="O28:O29"/>
    <mergeCell ref="P28:P29"/>
    <mergeCell ref="L18:L19"/>
    <mergeCell ref="O18:O19"/>
    <mergeCell ref="P18:P19"/>
    <mergeCell ref="L20:L21"/>
    <mergeCell ref="O20:O21"/>
    <mergeCell ref="P20:P21"/>
    <mergeCell ref="L22:L23"/>
    <mergeCell ref="O22:O23"/>
    <mergeCell ref="P22:P23"/>
  </mergeCells>
  <phoneticPr fontId="2"/>
  <dataValidations count="1">
    <dataValidation type="list" allowBlank="1" showInputMessage="1" showErrorMessage="1" sqref="G6:G29" xr:uid="{233EF26A-3713-46BC-A706-2A533EE81DA1}">
      <formula1>"中学,高校,短大,専門学校,大学"</formula1>
    </dataValidation>
  </dataValidations>
  <printOptions horizontalCentered="1"/>
  <pageMargins left="0.39370078740157483" right="0.59055118110236227" top="0.39370078740157483" bottom="0.19685039370078741" header="0.19685039370078741" footer="0.19685039370078741"/>
  <pageSetup paperSize="9" scale="79"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2AF37A-675A-4D3D-9A2B-E561855F68C0}">
  <sheetPr>
    <pageSetUpPr fitToPage="1"/>
  </sheetPr>
  <dimension ref="A1:AG32"/>
  <sheetViews>
    <sheetView showGridLines="0" view="pageBreakPreview" zoomScaleNormal="100" zoomScaleSheetLayoutView="100" workbookViewId="0">
      <selection activeCell="B7" sqref="B7"/>
    </sheetView>
  </sheetViews>
  <sheetFormatPr defaultRowHeight="12" x14ac:dyDescent="0.4"/>
  <cols>
    <col min="1" max="1" width="2.625" style="26" customWidth="1"/>
    <col min="2" max="2" width="9" style="26"/>
    <col min="3" max="3" width="2.625" style="26" customWidth="1"/>
    <col min="4" max="28" width="4.625" style="26" customWidth="1"/>
    <col min="29" max="16384" width="9" style="26"/>
  </cols>
  <sheetData>
    <row r="1" spans="1:33" ht="15.95" customHeight="1" x14ac:dyDescent="0.4">
      <c r="A1" s="316" t="s">
        <v>916</v>
      </c>
      <c r="B1" s="10" t="s">
        <v>140</v>
      </c>
    </row>
    <row r="2" spans="1:33" ht="15.95" customHeight="1" x14ac:dyDescent="0.4">
      <c r="A2" s="316"/>
      <c r="B2" s="10" t="s">
        <v>141</v>
      </c>
      <c r="H2" s="98" t="s">
        <v>142</v>
      </c>
      <c r="J2" s="99" t="s">
        <v>143</v>
      </c>
      <c r="L2" s="100" t="s">
        <v>144</v>
      </c>
      <c r="N2" s="10" t="s">
        <v>145</v>
      </c>
    </row>
    <row r="3" spans="1:33" ht="3.75" customHeight="1" x14ac:dyDescent="0.4">
      <c r="A3" s="316"/>
      <c r="H3" s="97"/>
      <c r="J3" s="97"/>
      <c r="L3" s="97"/>
    </row>
    <row r="4" spans="1:33" ht="18" customHeight="1" x14ac:dyDescent="0.4">
      <c r="A4" s="316"/>
      <c r="B4" s="296"/>
      <c r="C4" s="12"/>
      <c r="D4" s="13"/>
      <c r="E4" s="13"/>
      <c r="F4" s="13"/>
      <c r="G4" s="13"/>
      <c r="H4" s="13"/>
      <c r="I4" s="13"/>
      <c r="J4" s="13"/>
      <c r="K4" s="13"/>
      <c r="L4" s="13"/>
      <c r="M4" s="13"/>
      <c r="N4" s="13"/>
      <c r="O4" s="13"/>
      <c r="P4" s="13"/>
      <c r="Q4" s="13"/>
      <c r="R4" s="13"/>
      <c r="S4" s="13"/>
      <c r="T4" s="13"/>
      <c r="U4" s="13"/>
      <c r="V4" s="13"/>
      <c r="W4" s="13"/>
      <c r="X4" s="13"/>
      <c r="Y4" s="13"/>
      <c r="Z4" s="13"/>
      <c r="AA4" s="13"/>
      <c r="AB4" s="79"/>
      <c r="AC4" s="296" t="s">
        <v>146</v>
      </c>
      <c r="AD4" s="296"/>
      <c r="AE4" s="296"/>
      <c r="AF4" s="178" t="s">
        <v>147</v>
      </c>
      <c r="AG4" s="367" t="s">
        <v>148</v>
      </c>
    </row>
    <row r="5" spans="1:33" ht="18" customHeight="1" x14ac:dyDescent="0.4">
      <c r="A5" s="316"/>
      <c r="B5" s="349"/>
      <c r="C5" s="80"/>
      <c r="AA5" s="301" t="s">
        <v>149</v>
      </c>
      <c r="AB5" s="366"/>
      <c r="AC5" s="178" t="s">
        <v>150</v>
      </c>
      <c r="AD5" s="178" t="s">
        <v>151</v>
      </c>
      <c r="AE5" s="178" t="s">
        <v>152</v>
      </c>
      <c r="AF5" s="76" t="s">
        <v>153</v>
      </c>
      <c r="AG5" s="349"/>
    </row>
    <row r="6" spans="1:33" ht="18" customHeight="1" x14ac:dyDescent="0.4">
      <c r="A6" s="316"/>
      <c r="B6" s="340"/>
      <c r="C6" s="18">
        <v>6</v>
      </c>
      <c r="D6" s="19">
        <v>7</v>
      </c>
      <c r="E6" s="368">
        <v>8</v>
      </c>
      <c r="F6" s="368"/>
      <c r="G6" s="368">
        <v>9</v>
      </c>
      <c r="H6" s="368"/>
      <c r="I6" s="368">
        <v>10</v>
      </c>
      <c r="J6" s="368"/>
      <c r="K6" s="368">
        <v>11</v>
      </c>
      <c r="L6" s="368"/>
      <c r="M6" s="19">
        <v>12</v>
      </c>
      <c r="N6" s="368">
        <v>13</v>
      </c>
      <c r="O6" s="368"/>
      <c r="P6" s="368">
        <v>14</v>
      </c>
      <c r="Q6" s="368"/>
      <c r="R6" s="368">
        <v>15</v>
      </c>
      <c r="S6" s="368"/>
      <c r="T6" s="368">
        <v>16</v>
      </c>
      <c r="U6" s="368"/>
      <c r="V6" s="19">
        <v>17</v>
      </c>
      <c r="W6" s="19">
        <v>18</v>
      </c>
      <c r="X6" s="19">
        <v>19</v>
      </c>
      <c r="Y6" s="19">
        <v>20</v>
      </c>
      <c r="Z6" s="19">
        <v>21</v>
      </c>
      <c r="AA6" s="368">
        <v>22</v>
      </c>
      <c r="AB6" s="369"/>
      <c r="AC6" s="179" t="s">
        <v>154</v>
      </c>
      <c r="AD6" s="179" t="s">
        <v>154</v>
      </c>
      <c r="AE6" s="179" t="s">
        <v>154</v>
      </c>
      <c r="AF6" s="179" t="s">
        <v>154</v>
      </c>
      <c r="AG6" s="340"/>
    </row>
    <row r="7" spans="1:33" ht="24.95" customHeight="1" x14ac:dyDescent="0.4">
      <c r="A7" s="316"/>
      <c r="B7" s="214"/>
      <c r="C7" s="88"/>
      <c r="D7" s="89"/>
      <c r="E7" s="89"/>
      <c r="F7" s="89"/>
      <c r="G7" s="89"/>
      <c r="H7" s="89"/>
      <c r="I7" s="89"/>
      <c r="J7" s="89"/>
      <c r="K7" s="89"/>
      <c r="L7" s="89"/>
      <c r="M7" s="89"/>
      <c r="N7" s="89"/>
      <c r="O7" s="89"/>
      <c r="P7" s="89"/>
      <c r="Q7" s="89"/>
      <c r="R7" s="89"/>
      <c r="S7" s="89"/>
      <c r="T7" s="89"/>
      <c r="U7" s="89"/>
      <c r="V7" s="89"/>
      <c r="W7" s="89"/>
      <c r="X7" s="89"/>
      <c r="Y7" s="89"/>
      <c r="Z7" s="89"/>
      <c r="AA7" s="89"/>
      <c r="AB7" s="90"/>
      <c r="AC7" s="77"/>
      <c r="AD7" s="77"/>
      <c r="AE7" s="77"/>
      <c r="AF7" s="77"/>
      <c r="AG7" s="77"/>
    </row>
    <row r="8" spans="1:33" ht="24.95" customHeight="1" x14ac:dyDescent="0.4">
      <c r="A8" s="316"/>
      <c r="B8" s="78"/>
      <c r="C8" s="92"/>
      <c r="D8" s="93"/>
      <c r="E8" s="93"/>
      <c r="F8" s="93"/>
      <c r="G8" s="93"/>
      <c r="H8" s="93"/>
      <c r="I8" s="93"/>
      <c r="J8" s="93"/>
      <c r="K8" s="93"/>
      <c r="L8" s="93"/>
      <c r="M8" s="93"/>
      <c r="N8" s="93"/>
      <c r="O8" s="93"/>
      <c r="P8" s="93"/>
      <c r="Q8" s="93"/>
      <c r="R8" s="93"/>
      <c r="S8" s="93"/>
      <c r="T8" s="93"/>
      <c r="U8" s="93"/>
      <c r="V8" s="93"/>
      <c r="W8" s="93"/>
      <c r="X8" s="93"/>
      <c r="Y8" s="93"/>
      <c r="Z8" s="93"/>
      <c r="AA8" s="93"/>
      <c r="AB8" s="94"/>
      <c r="AC8" s="77"/>
      <c r="AD8" s="77"/>
      <c r="AE8" s="77"/>
      <c r="AF8" s="77"/>
      <c r="AG8" s="77"/>
    </row>
    <row r="9" spans="1:33" ht="24.95" customHeight="1" x14ac:dyDescent="0.4">
      <c r="A9" s="316"/>
      <c r="B9" s="78"/>
      <c r="C9" s="92"/>
      <c r="D9" s="93"/>
      <c r="E9" s="93"/>
      <c r="F9" s="93"/>
      <c r="G9" s="93"/>
      <c r="H9" s="93"/>
      <c r="I9" s="93"/>
      <c r="J9" s="93"/>
      <c r="K9" s="93"/>
      <c r="L9" s="93"/>
      <c r="M9" s="93"/>
      <c r="N9" s="93"/>
      <c r="O9" s="93"/>
      <c r="P9" s="93"/>
      <c r="Q9" s="93"/>
      <c r="R9" s="93"/>
      <c r="S9" s="93"/>
      <c r="T9" s="93"/>
      <c r="U9" s="93"/>
      <c r="V9" s="93"/>
      <c r="W9" s="93"/>
      <c r="X9" s="93"/>
      <c r="Y9" s="93"/>
      <c r="Z9" s="93"/>
      <c r="AA9" s="93"/>
      <c r="AB9" s="94"/>
      <c r="AC9" s="77"/>
      <c r="AD9" s="77"/>
      <c r="AE9" s="77"/>
      <c r="AF9" s="77"/>
      <c r="AG9" s="77"/>
    </row>
    <row r="10" spans="1:33" ht="24.95" customHeight="1" x14ac:dyDescent="0.4">
      <c r="A10" s="316"/>
      <c r="B10" s="78"/>
      <c r="C10" s="92"/>
      <c r="D10" s="93"/>
      <c r="E10" s="93"/>
      <c r="F10" s="93"/>
      <c r="G10" s="93"/>
      <c r="H10" s="93"/>
      <c r="I10" s="93"/>
      <c r="J10" s="93"/>
      <c r="K10" s="93"/>
      <c r="L10" s="93"/>
      <c r="M10" s="93"/>
      <c r="N10" s="93"/>
      <c r="O10" s="93"/>
      <c r="P10" s="93"/>
      <c r="Q10" s="93"/>
      <c r="R10" s="93"/>
      <c r="S10" s="93"/>
      <c r="T10" s="93"/>
      <c r="U10" s="93"/>
      <c r="V10" s="93"/>
      <c r="W10" s="93"/>
      <c r="X10" s="93"/>
      <c r="Y10" s="93"/>
      <c r="Z10" s="93"/>
      <c r="AA10" s="93"/>
      <c r="AB10" s="94"/>
      <c r="AC10" s="77"/>
      <c r="AD10" s="77"/>
      <c r="AE10" s="77"/>
      <c r="AF10" s="77"/>
      <c r="AG10" s="77"/>
    </row>
    <row r="11" spans="1:33" ht="24.95" customHeight="1" x14ac:dyDescent="0.4">
      <c r="A11" s="316"/>
      <c r="B11" s="78"/>
      <c r="C11" s="92"/>
      <c r="D11" s="93"/>
      <c r="E11" s="93"/>
      <c r="F11" s="93"/>
      <c r="G11" s="93"/>
      <c r="H11" s="93"/>
      <c r="I11" s="93"/>
      <c r="J11" s="93"/>
      <c r="K11" s="93"/>
      <c r="L11" s="93"/>
      <c r="M11" s="93"/>
      <c r="N11" s="93"/>
      <c r="O11" s="93"/>
      <c r="P11" s="93"/>
      <c r="Q11" s="93"/>
      <c r="R11" s="93"/>
      <c r="S11" s="93"/>
      <c r="T11" s="93"/>
      <c r="U11" s="93"/>
      <c r="V11" s="93"/>
      <c r="W11" s="93"/>
      <c r="X11" s="93"/>
      <c r="Y11" s="93"/>
      <c r="Z11" s="93"/>
      <c r="AA11" s="93"/>
      <c r="AB11" s="94"/>
      <c r="AC11" s="77"/>
      <c r="AD11" s="77"/>
      <c r="AE11" s="77"/>
      <c r="AF11" s="77"/>
      <c r="AG11" s="77"/>
    </row>
    <row r="12" spans="1:33" ht="24.95" customHeight="1" x14ac:dyDescent="0.4">
      <c r="A12" s="316"/>
      <c r="B12" s="78"/>
      <c r="C12" s="92"/>
      <c r="D12" s="93"/>
      <c r="E12" s="93"/>
      <c r="F12" s="93"/>
      <c r="G12" s="93"/>
      <c r="H12" s="93"/>
      <c r="I12" s="93"/>
      <c r="J12" s="93"/>
      <c r="K12" s="93"/>
      <c r="L12" s="93"/>
      <c r="M12" s="93"/>
      <c r="N12" s="93"/>
      <c r="O12" s="93"/>
      <c r="P12" s="93"/>
      <c r="Q12" s="93"/>
      <c r="R12" s="93"/>
      <c r="S12" s="93"/>
      <c r="T12" s="93"/>
      <c r="U12" s="93"/>
      <c r="V12" s="93"/>
      <c r="W12" s="93"/>
      <c r="X12" s="93"/>
      <c r="Y12" s="93"/>
      <c r="Z12" s="93"/>
      <c r="AA12" s="93"/>
      <c r="AB12" s="94"/>
      <c r="AC12" s="77"/>
      <c r="AD12" s="77"/>
      <c r="AE12" s="77"/>
      <c r="AF12" s="77"/>
      <c r="AG12" s="77"/>
    </row>
    <row r="13" spans="1:33" ht="24.95" customHeight="1" x14ac:dyDescent="0.4">
      <c r="A13" s="316"/>
      <c r="B13" s="78"/>
      <c r="C13" s="92"/>
      <c r="D13" s="93"/>
      <c r="E13" s="93"/>
      <c r="F13" s="93"/>
      <c r="G13" s="93"/>
      <c r="H13" s="93"/>
      <c r="I13" s="93"/>
      <c r="J13" s="93"/>
      <c r="K13" s="93"/>
      <c r="L13" s="93"/>
      <c r="M13" s="93"/>
      <c r="N13" s="93"/>
      <c r="O13" s="93"/>
      <c r="P13" s="93"/>
      <c r="Q13" s="93"/>
      <c r="R13" s="93"/>
      <c r="S13" s="93"/>
      <c r="T13" s="93"/>
      <c r="U13" s="93"/>
      <c r="V13" s="93"/>
      <c r="W13" s="93"/>
      <c r="X13" s="93"/>
      <c r="Y13" s="93"/>
      <c r="Z13" s="93"/>
      <c r="AA13" s="93"/>
      <c r="AB13" s="94"/>
      <c r="AC13" s="77"/>
      <c r="AD13" s="77"/>
      <c r="AE13" s="77"/>
      <c r="AF13" s="77"/>
      <c r="AG13" s="77"/>
    </row>
    <row r="14" spans="1:33" ht="24.95" customHeight="1" x14ac:dyDescent="0.4">
      <c r="A14" s="316"/>
      <c r="B14" s="78"/>
      <c r="C14" s="92"/>
      <c r="D14" s="93"/>
      <c r="E14" s="93"/>
      <c r="F14" s="93"/>
      <c r="G14" s="93"/>
      <c r="H14" s="93"/>
      <c r="I14" s="93"/>
      <c r="J14" s="93"/>
      <c r="K14" s="93"/>
      <c r="L14" s="93"/>
      <c r="M14" s="93"/>
      <c r="N14" s="93"/>
      <c r="O14" s="93"/>
      <c r="P14" s="93"/>
      <c r="Q14" s="93"/>
      <c r="R14" s="93"/>
      <c r="S14" s="93"/>
      <c r="T14" s="93"/>
      <c r="U14" s="93"/>
      <c r="V14" s="93"/>
      <c r="W14" s="93"/>
      <c r="X14" s="93"/>
      <c r="Y14" s="93"/>
      <c r="Z14" s="93"/>
      <c r="AA14" s="93"/>
      <c r="AB14" s="94"/>
      <c r="AC14" s="77"/>
      <c r="AD14" s="77"/>
      <c r="AE14" s="77"/>
      <c r="AF14" s="77"/>
      <c r="AG14" s="77"/>
    </row>
    <row r="15" spans="1:33" ht="24.95" customHeight="1" x14ac:dyDescent="0.4">
      <c r="A15" s="316"/>
      <c r="B15" s="78"/>
      <c r="C15" s="92"/>
      <c r="D15" s="93"/>
      <c r="E15" s="93"/>
      <c r="F15" s="93"/>
      <c r="G15" s="93"/>
      <c r="H15" s="93"/>
      <c r="I15" s="93"/>
      <c r="J15" s="93"/>
      <c r="K15" s="93"/>
      <c r="L15" s="93"/>
      <c r="M15" s="93"/>
      <c r="N15" s="93"/>
      <c r="O15" s="93"/>
      <c r="P15" s="93"/>
      <c r="Q15" s="93"/>
      <c r="R15" s="93"/>
      <c r="S15" s="93"/>
      <c r="T15" s="93"/>
      <c r="U15" s="93"/>
      <c r="V15" s="93"/>
      <c r="W15" s="93"/>
      <c r="X15" s="93"/>
      <c r="Y15" s="93"/>
      <c r="Z15" s="93"/>
      <c r="AA15" s="93"/>
      <c r="AB15" s="94"/>
      <c r="AC15" s="77"/>
      <c r="AD15" s="77"/>
      <c r="AE15" s="77"/>
      <c r="AF15" s="77"/>
      <c r="AG15" s="77"/>
    </row>
    <row r="16" spans="1:33" ht="24.95" customHeight="1" x14ac:dyDescent="0.4">
      <c r="A16" s="316"/>
      <c r="B16" s="78"/>
      <c r="C16" s="92"/>
      <c r="D16" s="93"/>
      <c r="E16" s="93"/>
      <c r="F16" s="93"/>
      <c r="G16" s="93"/>
      <c r="H16" s="93"/>
      <c r="I16" s="93"/>
      <c r="J16" s="93"/>
      <c r="K16" s="93"/>
      <c r="L16" s="93"/>
      <c r="M16" s="93"/>
      <c r="N16" s="93"/>
      <c r="O16" s="93"/>
      <c r="P16" s="93"/>
      <c r="Q16" s="93"/>
      <c r="R16" s="93"/>
      <c r="S16" s="93"/>
      <c r="T16" s="93"/>
      <c r="U16" s="93"/>
      <c r="V16" s="93"/>
      <c r="W16" s="93"/>
      <c r="X16" s="93"/>
      <c r="Y16" s="93"/>
      <c r="Z16" s="93"/>
      <c r="AA16" s="93"/>
      <c r="AB16" s="94"/>
      <c r="AC16" s="77"/>
      <c r="AD16" s="77"/>
      <c r="AE16" s="77"/>
      <c r="AF16" s="77"/>
      <c r="AG16" s="77"/>
    </row>
    <row r="17" spans="1:33" ht="24.95" customHeight="1" x14ac:dyDescent="0.4">
      <c r="A17" s="316"/>
      <c r="B17" s="78"/>
      <c r="C17" s="92"/>
      <c r="D17" s="93"/>
      <c r="E17" s="93"/>
      <c r="F17" s="93"/>
      <c r="G17" s="93"/>
      <c r="H17" s="93"/>
      <c r="I17" s="93"/>
      <c r="J17" s="93"/>
      <c r="K17" s="93"/>
      <c r="L17" s="93"/>
      <c r="M17" s="93"/>
      <c r="N17" s="93"/>
      <c r="O17" s="93"/>
      <c r="P17" s="93"/>
      <c r="Q17" s="93"/>
      <c r="R17" s="93"/>
      <c r="S17" s="93"/>
      <c r="T17" s="93"/>
      <c r="U17" s="93"/>
      <c r="V17" s="93"/>
      <c r="W17" s="93"/>
      <c r="X17" s="93"/>
      <c r="Y17" s="93"/>
      <c r="Z17" s="93"/>
      <c r="AA17" s="93"/>
      <c r="AB17" s="94"/>
      <c r="AC17" s="77"/>
      <c r="AD17" s="77"/>
      <c r="AE17" s="77"/>
      <c r="AF17" s="77"/>
      <c r="AG17" s="77"/>
    </row>
    <row r="18" spans="1:33" ht="24.95" customHeight="1" x14ac:dyDescent="0.4">
      <c r="A18" s="316"/>
      <c r="B18" s="78"/>
      <c r="C18" s="92"/>
      <c r="D18" s="93"/>
      <c r="E18" s="93"/>
      <c r="F18" s="93"/>
      <c r="G18" s="93"/>
      <c r="H18" s="93"/>
      <c r="I18" s="93"/>
      <c r="J18" s="93"/>
      <c r="K18" s="93"/>
      <c r="L18" s="93"/>
      <c r="M18" s="93"/>
      <c r="N18" s="93"/>
      <c r="O18" s="93"/>
      <c r="P18" s="93"/>
      <c r="Q18" s="93"/>
      <c r="R18" s="93"/>
      <c r="S18" s="93"/>
      <c r="T18" s="93"/>
      <c r="U18" s="93"/>
      <c r="V18" s="93"/>
      <c r="W18" s="93"/>
      <c r="X18" s="93"/>
      <c r="Y18" s="93"/>
      <c r="Z18" s="93"/>
      <c r="AA18" s="93"/>
      <c r="AB18" s="94"/>
      <c r="AC18" s="77"/>
      <c r="AD18" s="77"/>
      <c r="AE18" s="77"/>
      <c r="AF18" s="77"/>
      <c r="AG18" s="77"/>
    </row>
    <row r="19" spans="1:33" ht="24.95" customHeight="1" x14ac:dyDescent="0.4">
      <c r="A19" s="316"/>
      <c r="B19" s="78"/>
      <c r="C19" s="92"/>
      <c r="D19" s="93"/>
      <c r="E19" s="93"/>
      <c r="F19" s="93"/>
      <c r="G19" s="93"/>
      <c r="H19" s="93"/>
      <c r="I19" s="93"/>
      <c r="J19" s="93"/>
      <c r="K19" s="93"/>
      <c r="L19" s="93"/>
      <c r="M19" s="93"/>
      <c r="N19" s="93"/>
      <c r="O19" s="93"/>
      <c r="P19" s="93"/>
      <c r="Q19" s="93"/>
      <c r="R19" s="93"/>
      <c r="S19" s="93"/>
      <c r="T19" s="93"/>
      <c r="U19" s="93"/>
      <c r="V19" s="93"/>
      <c r="W19" s="93"/>
      <c r="X19" s="93"/>
      <c r="Y19" s="93"/>
      <c r="Z19" s="93"/>
      <c r="AA19" s="93"/>
      <c r="AB19" s="94"/>
      <c r="AC19" s="77"/>
      <c r="AD19" s="77"/>
      <c r="AE19" s="77"/>
      <c r="AF19" s="77"/>
      <c r="AG19" s="77"/>
    </row>
    <row r="20" spans="1:33" ht="24.95" customHeight="1" x14ac:dyDescent="0.4">
      <c r="A20" s="316"/>
      <c r="B20" s="78"/>
      <c r="C20" s="92"/>
      <c r="D20" s="93"/>
      <c r="E20" s="93"/>
      <c r="F20" s="93"/>
      <c r="G20" s="93"/>
      <c r="H20" s="93"/>
      <c r="I20" s="93"/>
      <c r="J20" s="93"/>
      <c r="K20" s="93"/>
      <c r="L20" s="93"/>
      <c r="M20" s="93"/>
      <c r="N20" s="93"/>
      <c r="O20" s="93"/>
      <c r="P20" s="93"/>
      <c r="Q20" s="93"/>
      <c r="R20" s="93"/>
      <c r="S20" s="93"/>
      <c r="T20" s="93"/>
      <c r="U20" s="93"/>
      <c r="V20" s="93"/>
      <c r="W20" s="93"/>
      <c r="X20" s="93"/>
      <c r="Y20" s="93"/>
      <c r="Z20" s="93"/>
      <c r="AA20" s="93"/>
      <c r="AB20" s="94"/>
      <c r="AC20" s="77"/>
      <c r="AD20" s="77"/>
      <c r="AE20" s="77"/>
      <c r="AF20" s="77"/>
      <c r="AG20" s="77"/>
    </row>
    <row r="21" spans="1:33" ht="24.95" customHeight="1" x14ac:dyDescent="0.4">
      <c r="A21" s="316"/>
      <c r="B21" s="78"/>
      <c r="C21" s="92"/>
      <c r="D21" s="93"/>
      <c r="E21" s="93"/>
      <c r="F21" s="93"/>
      <c r="G21" s="93"/>
      <c r="H21" s="93"/>
      <c r="I21" s="93"/>
      <c r="J21" s="93"/>
      <c r="K21" s="93"/>
      <c r="L21" s="93"/>
      <c r="M21" s="93"/>
      <c r="N21" s="93"/>
      <c r="O21" s="93"/>
      <c r="P21" s="93"/>
      <c r="Q21" s="93"/>
      <c r="R21" s="93"/>
      <c r="S21" s="93"/>
      <c r="T21" s="93"/>
      <c r="U21" s="93"/>
      <c r="V21" s="93"/>
      <c r="W21" s="93"/>
      <c r="X21" s="93"/>
      <c r="Y21" s="93"/>
      <c r="Z21" s="93"/>
      <c r="AA21" s="93"/>
      <c r="AB21" s="94"/>
      <c r="AC21" s="77"/>
      <c r="AD21" s="77"/>
      <c r="AE21" s="77"/>
      <c r="AF21" s="77"/>
      <c r="AG21" s="77"/>
    </row>
    <row r="22" spans="1:33" ht="24.95" customHeight="1" x14ac:dyDescent="0.4">
      <c r="A22" s="316"/>
      <c r="B22" s="78"/>
      <c r="C22" s="92"/>
      <c r="D22" s="93"/>
      <c r="E22" s="93"/>
      <c r="F22" s="93"/>
      <c r="G22" s="93"/>
      <c r="H22" s="93"/>
      <c r="I22" s="93"/>
      <c r="J22" s="93"/>
      <c r="K22" s="93"/>
      <c r="L22" s="93"/>
      <c r="M22" s="93"/>
      <c r="N22" s="93"/>
      <c r="O22" s="93"/>
      <c r="P22" s="93"/>
      <c r="Q22" s="93"/>
      <c r="R22" s="93"/>
      <c r="S22" s="93"/>
      <c r="T22" s="93"/>
      <c r="U22" s="93"/>
      <c r="V22" s="93"/>
      <c r="W22" s="93"/>
      <c r="X22" s="93"/>
      <c r="Y22" s="93"/>
      <c r="Z22" s="93"/>
      <c r="AA22" s="93"/>
      <c r="AB22" s="94"/>
      <c r="AC22" s="77"/>
      <c r="AD22" s="77"/>
      <c r="AE22" s="77"/>
      <c r="AF22" s="77"/>
      <c r="AG22" s="77"/>
    </row>
    <row r="23" spans="1:33" ht="24.95" customHeight="1" x14ac:dyDescent="0.4">
      <c r="A23" s="316"/>
      <c r="B23" s="210"/>
      <c r="C23" s="84"/>
      <c r="D23" s="96"/>
      <c r="E23" s="96"/>
      <c r="F23" s="96"/>
      <c r="G23" s="96"/>
      <c r="H23" s="96"/>
      <c r="I23" s="96"/>
      <c r="J23" s="96"/>
      <c r="K23" s="96"/>
      <c r="L23" s="96"/>
      <c r="M23" s="96"/>
      <c r="N23" s="96"/>
      <c r="O23" s="96"/>
      <c r="P23" s="96"/>
      <c r="Q23" s="96"/>
      <c r="R23" s="96"/>
      <c r="S23" s="96"/>
      <c r="T23" s="96"/>
      <c r="U23" s="96"/>
      <c r="V23" s="96"/>
      <c r="W23" s="96"/>
      <c r="X23" s="96"/>
      <c r="Y23" s="96"/>
      <c r="Z23" s="96"/>
      <c r="AA23" s="96"/>
      <c r="AB23" s="86"/>
      <c r="AC23" s="77"/>
      <c r="AD23" s="77"/>
      <c r="AE23" s="77"/>
      <c r="AF23" s="77"/>
      <c r="AG23" s="77"/>
    </row>
    <row r="24" spans="1:33" ht="18" customHeight="1" x14ac:dyDescent="0.4">
      <c r="A24" s="316"/>
      <c r="B24" s="88"/>
      <c r="C24" s="101"/>
      <c r="D24" s="364" t="s">
        <v>155</v>
      </c>
      <c r="E24" s="364"/>
      <c r="F24" s="364"/>
      <c r="G24" s="101"/>
      <c r="H24" s="101"/>
      <c r="I24" s="101"/>
      <c r="J24" s="101"/>
      <c r="K24" s="101"/>
      <c r="L24" s="101"/>
      <c r="M24" s="101"/>
      <c r="N24" s="101"/>
      <c r="O24" s="101"/>
      <c r="P24" s="101"/>
      <c r="Q24" s="101"/>
      <c r="R24" s="101"/>
      <c r="S24" s="101"/>
      <c r="T24" s="101"/>
      <c r="U24" s="364" t="s">
        <v>156</v>
      </c>
      <c r="V24" s="364"/>
      <c r="W24" s="364"/>
      <c r="X24" s="101"/>
      <c r="Y24" s="364" t="s">
        <v>157</v>
      </c>
      <c r="Z24" s="364"/>
      <c r="AA24" s="364"/>
      <c r="AB24" s="365"/>
      <c r="AC24" s="97"/>
      <c r="AD24" s="97"/>
      <c r="AE24" s="97"/>
      <c r="AF24" s="97"/>
      <c r="AG24" s="97"/>
    </row>
    <row r="25" spans="1:33" ht="18" customHeight="1" x14ac:dyDescent="0.4">
      <c r="A25" s="316"/>
      <c r="B25" s="83"/>
      <c r="C25" s="97"/>
      <c r="D25" s="301" t="s">
        <v>158</v>
      </c>
      <c r="E25" s="301"/>
      <c r="F25" s="301"/>
      <c r="G25" s="97"/>
      <c r="H25" s="97"/>
      <c r="I25" s="97"/>
      <c r="J25" s="97"/>
      <c r="K25" s="97"/>
      <c r="L25" s="97"/>
      <c r="M25" s="97"/>
      <c r="N25" s="97"/>
      <c r="O25" s="97"/>
      <c r="P25" s="97"/>
      <c r="Q25" s="97"/>
      <c r="R25" s="97"/>
      <c r="S25" s="97"/>
      <c r="T25" s="97"/>
      <c r="U25" s="301" t="s">
        <v>158</v>
      </c>
      <c r="V25" s="301"/>
      <c r="W25" s="301"/>
      <c r="X25" s="97"/>
      <c r="Y25" s="301" t="s">
        <v>158</v>
      </c>
      <c r="Z25" s="301"/>
      <c r="AA25" s="301"/>
      <c r="AB25" s="366"/>
      <c r="AC25" s="182" t="s">
        <v>159</v>
      </c>
      <c r="AD25" s="97"/>
      <c r="AE25" s="97"/>
      <c r="AF25" s="97"/>
      <c r="AG25" s="97"/>
    </row>
    <row r="26" spans="1:33" ht="18" customHeight="1" x14ac:dyDescent="0.4">
      <c r="A26" s="316"/>
      <c r="B26" s="181" t="s">
        <v>160</v>
      </c>
      <c r="C26" s="85"/>
      <c r="D26" s="85"/>
      <c r="E26" s="85"/>
      <c r="F26" s="85"/>
      <c r="G26" s="85"/>
      <c r="H26" s="85"/>
      <c r="I26" s="85"/>
      <c r="J26" s="85"/>
      <c r="K26" s="85"/>
      <c r="L26" s="85"/>
      <c r="M26" s="85"/>
      <c r="N26" s="85"/>
      <c r="O26" s="85"/>
      <c r="P26" s="85"/>
      <c r="Q26" s="85"/>
      <c r="R26" s="85"/>
      <c r="S26" s="85"/>
      <c r="T26" s="85"/>
      <c r="U26" s="85"/>
      <c r="V26" s="85"/>
      <c r="W26" s="85"/>
      <c r="X26" s="85"/>
      <c r="Y26" s="85"/>
      <c r="Z26" s="85"/>
      <c r="AA26" s="85"/>
      <c r="AB26" s="86"/>
      <c r="AC26" s="97"/>
      <c r="AD26" s="97"/>
      <c r="AE26" s="97"/>
      <c r="AF26" s="97"/>
      <c r="AG26" s="97"/>
    </row>
    <row r="27" spans="1:33" ht="18" customHeight="1" x14ac:dyDescent="0.4">
      <c r="A27" s="316"/>
      <c r="B27" s="183" t="s">
        <v>161</v>
      </c>
      <c r="C27" s="13"/>
      <c r="D27" s="13"/>
      <c r="E27" s="13"/>
      <c r="F27" s="13"/>
      <c r="G27" s="13"/>
      <c r="H27" s="13"/>
      <c r="I27" s="13"/>
      <c r="J27" s="13"/>
      <c r="K27" s="13"/>
      <c r="L27" s="13"/>
      <c r="M27" s="13"/>
      <c r="N27" s="13"/>
      <c r="O27" s="352" t="s">
        <v>162</v>
      </c>
      <c r="P27" s="353"/>
      <c r="Q27" s="353"/>
      <c r="R27" s="353"/>
      <c r="S27" s="353"/>
      <c r="T27" s="353"/>
      <c r="U27" s="353"/>
      <c r="V27" s="353"/>
      <c r="W27" s="353"/>
      <c r="X27" s="353"/>
      <c r="Y27" s="353"/>
      <c r="Z27" s="353"/>
      <c r="AA27" s="353"/>
      <c r="AB27" s="354"/>
    </row>
    <row r="28" spans="1:33" ht="18" customHeight="1" x14ac:dyDescent="0.4">
      <c r="A28" s="316"/>
      <c r="B28" s="184" t="s">
        <v>163</v>
      </c>
      <c r="O28" s="355" t="s">
        <v>164</v>
      </c>
      <c r="P28" s="356"/>
      <c r="Q28" s="356"/>
      <c r="R28" s="356"/>
      <c r="S28" s="356"/>
      <c r="T28" s="356"/>
      <c r="U28" s="356"/>
      <c r="V28" s="356"/>
      <c r="W28" s="356"/>
      <c r="X28" s="356"/>
      <c r="Y28" s="356"/>
      <c r="Z28" s="356"/>
      <c r="AA28" s="356"/>
      <c r="AB28" s="357"/>
    </row>
    <row r="29" spans="1:33" ht="18" customHeight="1" x14ac:dyDescent="0.4">
      <c r="A29" s="316"/>
      <c r="B29" s="184" t="s">
        <v>165</v>
      </c>
      <c r="O29" s="358"/>
      <c r="P29" s="359"/>
      <c r="Q29" s="359"/>
      <c r="R29" s="359"/>
      <c r="S29" s="359"/>
      <c r="T29" s="359"/>
      <c r="U29" s="359"/>
      <c r="V29" s="359"/>
      <c r="W29" s="359"/>
      <c r="X29" s="359"/>
      <c r="Y29" s="359"/>
      <c r="Z29" s="359"/>
      <c r="AA29" s="359"/>
      <c r="AB29" s="360"/>
    </row>
    <row r="30" spans="1:33" ht="18" customHeight="1" x14ac:dyDescent="0.4">
      <c r="A30" s="316"/>
      <c r="B30" s="184" t="s">
        <v>166</v>
      </c>
      <c r="O30" s="358"/>
      <c r="P30" s="359"/>
      <c r="Q30" s="359"/>
      <c r="R30" s="359"/>
      <c r="S30" s="359"/>
      <c r="T30" s="359"/>
      <c r="U30" s="359"/>
      <c r="V30" s="359"/>
      <c r="W30" s="359"/>
      <c r="X30" s="359"/>
      <c r="Y30" s="359"/>
      <c r="Z30" s="359"/>
      <c r="AA30" s="359"/>
      <c r="AB30" s="360"/>
    </row>
    <row r="31" spans="1:33" ht="18" customHeight="1" x14ac:dyDescent="0.4">
      <c r="A31" s="316"/>
      <c r="B31" s="83" t="s">
        <v>167</v>
      </c>
      <c r="O31" s="358"/>
      <c r="P31" s="359"/>
      <c r="Q31" s="359"/>
      <c r="R31" s="359"/>
      <c r="S31" s="359"/>
      <c r="T31" s="359"/>
      <c r="U31" s="359"/>
      <c r="V31" s="359"/>
      <c r="W31" s="359"/>
      <c r="X31" s="359"/>
      <c r="Y31" s="359"/>
      <c r="Z31" s="359"/>
      <c r="AA31" s="359"/>
      <c r="AB31" s="360"/>
    </row>
    <row r="32" spans="1:33" ht="18" customHeight="1" x14ac:dyDescent="0.4">
      <c r="A32" s="316"/>
      <c r="B32" s="84" t="s">
        <v>168</v>
      </c>
      <c r="C32" s="19"/>
      <c r="D32" s="19"/>
      <c r="E32" s="19"/>
      <c r="F32" s="19"/>
      <c r="G32" s="19"/>
      <c r="H32" s="19"/>
      <c r="I32" s="19"/>
      <c r="J32" s="19"/>
      <c r="K32" s="19"/>
      <c r="L32" s="19"/>
      <c r="M32" s="19"/>
      <c r="N32" s="19"/>
      <c r="O32" s="361"/>
      <c r="P32" s="362"/>
      <c r="Q32" s="362"/>
      <c r="R32" s="362"/>
      <c r="S32" s="362"/>
      <c r="T32" s="362"/>
      <c r="U32" s="362"/>
      <c r="V32" s="362"/>
      <c r="W32" s="362"/>
      <c r="X32" s="362"/>
      <c r="Y32" s="362"/>
      <c r="Z32" s="362"/>
      <c r="AA32" s="362"/>
      <c r="AB32" s="363"/>
    </row>
  </sheetData>
  <mergeCells count="23">
    <mergeCell ref="A1:A32"/>
    <mergeCell ref="B4:B6"/>
    <mergeCell ref="AC4:AE4"/>
    <mergeCell ref="AG4:AG6"/>
    <mergeCell ref="AA5:AB5"/>
    <mergeCell ref="K6:L6"/>
    <mergeCell ref="I6:J6"/>
    <mergeCell ref="G6:H6"/>
    <mergeCell ref="E6:F6"/>
    <mergeCell ref="N6:O6"/>
    <mergeCell ref="P6:Q6"/>
    <mergeCell ref="R6:S6"/>
    <mergeCell ref="T6:U6"/>
    <mergeCell ref="AA6:AB6"/>
    <mergeCell ref="D24:F24"/>
    <mergeCell ref="D25:F25"/>
    <mergeCell ref="O27:AB27"/>
    <mergeCell ref="O28:AB28"/>
    <mergeCell ref="O29:AB32"/>
    <mergeCell ref="U25:W25"/>
    <mergeCell ref="U24:W24"/>
    <mergeCell ref="Y24:AB24"/>
    <mergeCell ref="Y25:AB25"/>
  </mergeCells>
  <phoneticPr fontId="2"/>
  <printOptions horizontalCentered="1"/>
  <pageMargins left="0.39370078740157483" right="0.39370078740157483" top="0.39370078740157483" bottom="0.39370078740157483" header="0.19685039370078741" footer="0.19685039370078741"/>
  <pageSetup paperSize="9" scale="73"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F6B334-3764-44BE-8E75-813682E55DBD}">
  <sheetPr>
    <pageSetUpPr fitToPage="1"/>
  </sheetPr>
  <dimension ref="A1:AR27"/>
  <sheetViews>
    <sheetView showGridLines="0" view="pageBreakPreview" zoomScaleNormal="100" zoomScaleSheetLayoutView="100" workbookViewId="0">
      <selection activeCell="B5" sqref="B5:C5"/>
    </sheetView>
  </sheetViews>
  <sheetFormatPr defaultRowHeight="15" customHeight="1" x14ac:dyDescent="0.4"/>
  <cols>
    <col min="1" max="1" width="2.625" style="26" customWidth="1"/>
    <col min="2" max="2" width="3.625" style="26" customWidth="1"/>
    <col min="3" max="3" width="4.625" style="26" customWidth="1"/>
    <col min="4" max="34" width="3.625" style="26" customWidth="1"/>
    <col min="35" max="44" width="4.625" style="26" customWidth="1"/>
    <col min="45" max="16384" width="9" style="26"/>
  </cols>
  <sheetData>
    <row r="1" spans="1:44" ht="15" customHeight="1" x14ac:dyDescent="0.4">
      <c r="A1" s="316" t="s">
        <v>917</v>
      </c>
      <c r="B1" s="10" t="s">
        <v>169</v>
      </c>
    </row>
    <row r="2" spans="1:44" ht="15" customHeight="1" x14ac:dyDescent="0.4">
      <c r="A2" s="316"/>
      <c r="B2" s="26" t="s">
        <v>170</v>
      </c>
      <c r="AA2" s="26" t="s">
        <v>171</v>
      </c>
      <c r="AE2" s="19"/>
      <c r="AF2" s="19" t="s">
        <v>172</v>
      </c>
      <c r="AG2" s="19"/>
      <c r="AH2" s="26" t="s">
        <v>173</v>
      </c>
      <c r="AI2" s="26" t="s">
        <v>174</v>
      </c>
      <c r="AL2" s="368"/>
      <c r="AM2" s="368"/>
      <c r="AN2" s="368"/>
      <c r="AO2" s="368"/>
      <c r="AP2" s="26" t="s">
        <v>173</v>
      </c>
    </row>
    <row r="3" spans="1:44" ht="30" customHeight="1" x14ac:dyDescent="0.4">
      <c r="A3" s="316"/>
      <c r="B3" s="382" t="s">
        <v>175</v>
      </c>
      <c r="C3" s="108" t="s">
        <v>176</v>
      </c>
      <c r="D3" s="107">
        <v>1</v>
      </c>
      <c r="E3" s="77">
        <v>2</v>
      </c>
      <c r="F3" s="77">
        <v>3</v>
      </c>
      <c r="G3" s="77">
        <v>4</v>
      </c>
      <c r="H3" s="77">
        <v>5</v>
      </c>
      <c r="I3" s="77">
        <v>6</v>
      </c>
      <c r="J3" s="77">
        <v>7</v>
      </c>
      <c r="K3" s="77">
        <v>8</v>
      </c>
      <c r="L3" s="77">
        <v>9</v>
      </c>
      <c r="M3" s="77">
        <v>10</v>
      </c>
      <c r="N3" s="77">
        <v>11</v>
      </c>
      <c r="O3" s="77">
        <v>12</v>
      </c>
      <c r="P3" s="77">
        <v>13</v>
      </c>
      <c r="Q3" s="77">
        <v>14</v>
      </c>
      <c r="R3" s="77">
        <v>15</v>
      </c>
      <c r="S3" s="77">
        <v>16</v>
      </c>
      <c r="T3" s="77">
        <v>17</v>
      </c>
      <c r="U3" s="77">
        <v>18</v>
      </c>
      <c r="V3" s="77">
        <v>19</v>
      </c>
      <c r="W3" s="77">
        <v>20</v>
      </c>
      <c r="X3" s="77">
        <v>21</v>
      </c>
      <c r="Y3" s="77">
        <v>22</v>
      </c>
      <c r="Z3" s="77">
        <v>23</v>
      </c>
      <c r="AA3" s="77">
        <v>24</v>
      </c>
      <c r="AB3" s="77">
        <v>25</v>
      </c>
      <c r="AC3" s="77">
        <v>26</v>
      </c>
      <c r="AD3" s="77">
        <v>27</v>
      </c>
      <c r="AE3" s="77">
        <v>28</v>
      </c>
      <c r="AF3" s="77">
        <v>29</v>
      </c>
      <c r="AG3" s="77">
        <v>30</v>
      </c>
      <c r="AH3" s="102">
        <v>31</v>
      </c>
      <c r="AI3" s="374" t="s">
        <v>177</v>
      </c>
      <c r="AJ3" s="295"/>
      <c r="AK3" s="295"/>
      <c r="AL3" s="295"/>
      <c r="AM3" s="295"/>
      <c r="AN3" s="295"/>
      <c r="AO3" s="295"/>
      <c r="AP3" s="375"/>
      <c r="AQ3" s="376" t="s">
        <v>178</v>
      </c>
      <c r="AR3" s="372" t="s">
        <v>179</v>
      </c>
    </row>
    <row r="4" spans="1:44" ht="39.950000000000003" customHeight="1" thickBot="1" x14ac:dyDescent="0.45">
      <c r="A4" s="316"/>
      <c r="B4" s="383"/>
      <c r="C4" s="109" t="s">
        <v>180</v>
      </c>
      <c r="D4" s="90"/>
      <c r="E4" s="87"/>
      <c r="F4" s="87"/>
      <c r="G4" s="87"/>
      <c r="H4" s="87"/>
      <c r="I4" s="87"/>
      <c r="J4" s="87"/>
      <c r="K4" s="87"/>
      <c r="L4" s="87"/>
      <c r="M4" s="87"/>
      <c r="N4" s="87"/>
      <c r="O4" s="87"/>
      <c r="P4" s="87"/>
      <c r="Q4" s="87"/>
      <c r="R4" s="87"/>
      <c r="S4" s="87"/>
      <c r="T4" s="87"/>
      <c r="U4" s="87"/>
      <c r="V4" s="87"/>
      <c r="W4" s="87"/>
      <c r="X4" s="87"/>
      <c r="Y4" s="87"/>
      <c r="Z4" s="87"/>
      <c r="AA4" s="87"/>
      <c r="AB4" s="87"/>
      <c r="AC4" s="87"/>
      <c r="AD4" s="87"/>
      <c r="AE4" s="87"/>
      <c r="AF4" s="87"/>
      <c r="AG4" s="87"/>
      <c r="AH4" s="88"/>
      <c r="AI4" s="104" t="s">
        <v>181</v>
      </c>
      <c r="AJ4" s="105" t="s">
        <v>182</v>
      </c>
      <c r="AK4" s="105" t="s">
        <v>183</v>
      </c>
      <c r="AL4" s="105" t="s">
        <v>184</v>
      </c>
      <c r="AM4" s="105" t="s">
        <v>185</v>
      </c>
      <c r="AN4" s="105" t="s">
        <v>186</v>
      </c>
      <c r="AO4" s="105" t="s">
        <v>187</v>
      </c>
      <c r="AP4" s="106" t="s">
        <v>188</v>
      </c>
      <c r="AQ4" s="377"/>
      <c r="AR4" s="373"/>
    </row>
    <row r="5" spans="1:44" ht="26.1" customHeight="1" thickTop="1" x14ac:dyDescent="0.4">
      <c r="A5" s="316"/>
      <c r="B5" s="378"/>
      <c r="C5" s="379"/>
      <c r="D5" s="186"/>
      <c r="E5" s="185"/>
      <c r="F5" s="185"/>
      <c r="G5" s="185"/>
      <c r="H5" s="185"/>
      <c r="I5" s="185"/>
      <c r="J5" s="185"/>
      <c r="K5" s="185"/>
      <c r="L5" s="185"/>
      <c r="M5" s="185"/>
      <c r="N5" s="185"/>
      <c r="O5" s="185"/>
      <c r="P5" s="185"/>
      <c r="Q5" s="185"/>
      <c r="R5" s="185"/>
      <c r="S5" s="185"/>
      <c r="T5" s="185"/>
      <c r="U5" s="185"/>
      <c r="V5" s="185"/>
      <c r="W5" s="185"/>
      <c r="X5" s="185"/>
      <c r="Y5" s="185"/>
      <c r="Z5" s="185"/>
      <c r="AA5" s="185"/>
      <c r="AB5" s="185"/>
      <c r="AC5" s="185"/>
      <c r="AD5" s="185"/>
      <c r="AE5" s="185"/>
      <c r="AF5" s="185"/>
      <c r="AG5" s="185"/>
      <c r="AH5" s="187"/>
      <c r="AI5" s="188"/>
      <c r="AJ5" s="189"/>
      <c r="AK5" s="189"/>
      <c r="AL5" s="189"/>
      <c r="AM5" s="189"/>
      <c r="AN5" s="189"/>
      <c r="AO5" s="189"/>
      <c r="AP5" s="190"/>
      <c r="AQ5" s="191"/>
      <c r="AR5" s="189"/>
    </row>
    <row r="6" spans="1:44" ht="26.1" customHeight="1" x14ac:dyDescent="0.4">
      <c r="A6" s="316"/>
      <c r="B6" s="380"/>
      <c r="C6" s="381"/>
      <c r="D6" s="197"/>
      <c r="E6" s="195"/>
      <c r="F6" s="195"/>
      <c r="G6" s="195"/>
      <c r="H6" s="195"/>
      <c r="I6" s="195"/>
      <c r="J6" s="195"/>
      <c r="K6" s="195"/>
      <c r="L6" s="195"/>
      <c r="M6" s="195"/>
      <c r="N6" s="195"/>
      <c r="O6" s="195"/>
      <c r="P6" s="195"/>
      <c r="Q6" s="195"/>
      <c r="R6" s="195"/>
      <c r="S6" s="195"/>
      <c r="T6" s="195"/>
      <c r="U6" s="195"/>
      <c r="V6" s="195"/>
      <c r="W6" s="195"/>
      <c r="X6" s="195"/>
      <c r="Y6" s="195"/>
      <c r="Z6" s="195"/>
      <c r="AA6" s="195"/>
      <c r="AB6" s="195"/>
      <c r="AC6" s="195"/>
      <c r="AD6" s="195"/>
      <c r="AE6" s="195"/>
      <c r="AF6" s="195"/>
      <c r="AG6" s="195"/>
      <c r="AH6" s="198"/>
      <c r="AI6" s="199"/>
      <c r="AJ6" s="195"/>
      <c r="AK6" s="195"/>
      <c r="AL6" s="195"/>
      <c r="AM6" s="195"/>
      <c r="AN6" s="195"/>
      <c r="AO6" s="195"/>
      <c r="AP6" s="196"/>
      <c r="AQ6" s="197"/>
      <c r="AR6" s="195"/>
    </row>
    <row r="7" spans="1:44" ht="26.1" customHeight="1" x14ac:dyDescent="0.4">
      <c r="A7" s="316"/>
      <c r="B7" s="380"/>
      <c r="C7" s="381"/>
      <c r="D7" s="197"/>
      <c r="E7" s="195"/>
      <c r="F7" s="195"/>
      <c r="G7" s="195"/>
      <c r="H7" s="195"/>
      <c r="I7" s="195"/>
      <c r="J7" s="195"/>
      <c r="K7" s="195"/>
      <c r="L7" s="195"/>
      <c r="M7" s="195"/>
      <c r="N7" s="195"/>
      <c r="O7" s="195"/>
      <c r="P7" s="195"/>
      <c r="Q7" s="195"/>
      <c r="R7" s="195"/>
      <c r="S7" s="195"/>
      <c r="T7" s="195"/>
      <c r="U7" s="195"/>
      <c r="V7" s="195"/>
      <c r="W7" s="195"/>
      <c r="X7" s="195"/>
      <c r="Y7" s="195"/>
      <c r="Z7" s="195"/>
      <c r="AA7" s="195"/>
      <c r="AB7" s="195"/>
      <c r="AC7" s="195"/>
      <c r="AD7" s="195"/>
      <c r="AE7" s="195"/>
      <c r="AF7" s="195"/>
      <c r="AG7" s="195"/>
      <c r="AH7" s="198"/>
      <c r="AI7" s="199"/>
      <c r="AJ7" s="195"/>
      <c r="AK7" s="195"/>
      <c r="AL7" s="195"/>
      <c r="AM7" s="195"/>
      <c r="AN7" s="195"/>
      <c r="AO7" s="195"/>
      <c r="AP7" s="196"/>
      <c r="AQ7" s="197"/>
      <c r="AR7" s="195"/>
    </row>
    <row r="8" spans="1:44" ht="26.1" customHeight="1" x14ac:dyDescent="0.4">
      <c r="A8" s="316"/>
      <c r="B8" s="380"/>
      <c r="C8" s="381"/>
      <c r="D8" s="197"/>
      <c r="E8" s="195"/>
      <c r="F8" s="195"/>
      <c r="G8" s="195"/>
      <c r="H8" s="195"/>
      <c r="I8" s="195"/>
      <c r="J8" s="195"/>
      <c r="K8" s="195"/>
      <c r="L8" s="195"/>
      <c r="M8" s="195"/>
      <c r="N8" s="195"/>
      <c r="O8" s="195"/>
      <c r="P8" s="195"/>
      <c r="Q8" s="195"/>
      <c r="R8" s="195"/>
      <c r="S8" s="195"/>
      <c r="T8" s="195"/>
      <c r="U8" s="195"/>
      <c r="V8" s="195"/>
      <c r="W8" s="195"/>
      <c r="X8" s="195"/>
      <c r="Y8" s="195"/>
      <c r="Z8" s="195"/>
      <c r="AA8" s="195"/>
      <c r="AB8" s="195"/>
      <c r="AC8" s="195"/>
      <c r="AD8" s="195"/>
      <c r="AE8" s="195"/>
      <c r="AF8" s="195"/>
      <c r="AG8" s="195"/>
      <c r="AH8" s="198"/>
      <c r="AI8" s="199"/>
      <c r="AJ8" s="195"/>
      <c r="AK8" s="195"/>
      <c r="AL8" s="195"/>
      <c r="AM8" s="195"/>
      <c r="AN8" s="195"/>
      <c r="AO8" s="195"/>
      <c r="AP8" s="196"/>
      <c r="AQ8" s="197"/>
      <c r="AR8" s="195"/>
    </row>
    <row r="9" spans="1:44" ht="26.1" customHeight="1" x14ac:dyDescent="0.4">
      <c r="A9" s="316"/>
      <c r="B9" s="380"/>
      <c r="C9" s="381"/>
      <c r="D9" s="197"/>
      <c r="E9" s="195"/>
      <c r="F9" s="195"/>
      <c r="G9" s="195"/>
      <c r="H9" s="195"/>
      <c r="I9" s="195"/>
      <c r="J9" s="195"/>
      <c r="K9" s="195"/>
      <c r="L9" s="195"/>
      <c r="M9" s="195"/>
      <c r="N9" s="195"/>
      <c r="O9" s="195"/>
      <c r="P9" s="195"/>
      <c r="Q9" s="195"/>
      <c r="R9" s="195"/>
      <c r="S9" s="195"/>
      <c r="T9" s="195"/>
      <c r="U9" s="195"/>
      <c r="V9" s="195"/>
      <c r="W9" s="195"/>
      <c r="X9" s="195"/>
      <c r="Y9" s="195"/>
      <c r="Z9" s="195"/>
      <c r="AA9" s="195"/>
      <c r="AB9" s="195"/>
      <c r="AC9" s="195"/>
      <c r="AD9" s="195"/>
      <c r="AE9" s="195"/>
      <c r="AF9" s="195"/>
      <c r="AG9" s="195"/>
      <c r="AH9" s="198"/>
      <c r="AI9" s="199"/>
      <c r="AJ9" s="195"/>
      <c r="AK9" s="195"/>
      <c r="AL9" s="195"/>
      <c r="AM9" s="195"/>
      <c r="AN9" s="195"/>
      <c r="AO9" s="195"/>
      <c r="AP9" s="196"/>
      <c r="AQ9" s="197"/>
      <c r="AR9" s="195"/>
    </row>
    <row r="10" spans="1:44" ht="26.1" customHeight="1" x14ac:dyDescent="0.4">
      <c r="A10" s="316"/>
      <c r="B10" s="380"/>
      <c r="C10" s="381"/>
      <c r="D10" s="197"/>
      <c r="E10" s="195"/>
      <c r="F10" s="195"/>
      <c r="G10" s="195"/>
      <c r="H10" s="195"/>
      <c r="I10" s="195"/>
      <c r="J10" s="195"/>
      <c r="K10" s="195"/>
      <c r="L10" s="195"/>
      <c r="M10" s="195"/>
      <c r="N10" s="195"/>
      <c r="O10" s="195"/>
      <c r="P10" s="195"/>
      <c r="Q10" s="195"/>
      <c r="R10" s="195"/>
      <c r="S10" s="195"/>
      <c r="T10" s="195"/>
      <c r="U10" s="195"/>
      <c r="V10" s="195"/>
      <c r="W10" s="195"/>
      <c r="X10" s="195"/>
      <c r="Y10" s="195"/>
      <c r="Z10" s="195"/>
      <c r="AA10" s="195"/>
      <c r="AB10" s="195"/>
      <c r="AC10" s="195"/>
      <c r="AD10" s="195"/>
      <c r="AE10" s="195"/>
      <c r="AF10" s="195"/>
      <c r="AG10" s="195"/>
      <c r="AH10" s="198"/>
      <c r="AI10" s="199"/>
      <c r="AJ10" s="195"/>
      <c r="AK10" s="195"/>
      <c r="AL10" s="195"/>
      <c r="AM10" s="195"/>
      <c r="AN10" s="195"/>
      <c r="AO10" s="195"/>
      <c r="AP10" s="196"/>
      <c r="AQ10" s="197"/>
      <c r="AR10" s="195"/>
    </row>
    <row r="11" spans="1:44" ht="26.1" customHeight="1" x14ac:dyDescent="0.4">
      <c r="A11" s="316"/>
      <c r="B11" s="380"/>
      <c r="C11" s="381"/>
      <c r="D11" s="197"/>
      <c r="E11" s="195"/>
      <c r="F11" s="195"/>
      <c r="G11" s="195"/>
      <c r="H11" s="195"/>
      <c r="I11" s="195"/>
      <c r="J11" s="195"/>
      <c r="K11" s="195"/>
      <c r="L11" s="195"/>
      <c r="M11" s="195"/>
      <c r="N11" s="195"/>
      <c r="O11" s="195"/>
      <c r="P11" s="195"/>
      <c r="Q11" s="195"/>
      <c r="R11" s="195"/>
      <c r="S11" s="195"/>
      <c r="T11" s="195"/>
      <c r="U11" s="195"/>
      <c r="V11" s="195"/>
      <c r="W11" s="195"/>
      <c r="X11" s="195"/>
      <c r="Y11" s="195"/>
      <c r="Z11" s="195"/>
      <c r="AA11" s="195"/>
      <c r="AB11" s="195"/>
      <c r="AC11" s="195"/>
      <c r="AD11" s="195"/>
      <c r="AE11" s="195"/>
      <c r="AF11" s="195"/>
      <c r="AG11" s="195"/>
      <c r="AH11" s="198"/>
      <c r="AI11" s="199"/>
      <c r="AJ11" s="195"/>
      <c r="AK11" s="195"/>
      <c r="AL11" s="195"/>
      <c r="AM11" s="195"/>
      <c r="AN11" s="195"/>
      <c r="AO11" s="195"/>
      <c r="AP11" s="196"/>
      <c r="AQ11" s="197"/>
      <c r="AR11" s="195"/>
    </row>
    <row r="12" spans="1:44" ht="26.1" customHeight="1" x14ac:dyDescent="0.4">
      <c r="A12" s="316"/>
      <c r="B12" s="380"/>
      <c r="C12" s="381"/>
      <c r="D12" s="197"/>
      <c r="E12" s="195"/>
      <c r="F12" s="195"/>
      <c r="G12" s="195"/>
      <c r="H12" s="195"/>
      <c r="I12" s="195"/>
      <c r="J12" s="195"/>
      <c r="K12" s="195"/>
      <c r="L12" s="195"/>
      <c r="M12" s="195"/>
      <c r="N12" s="195"/>
      <c r="O12" s="195"/>
      <c r="P12" s="195"/>
      <c r="Q12" s="195"/>
      <c r="R12" s="195"/>
      <c r="S12" s="195"/>
      <c r="T12" s="195"/>
      <c r="U12" s="195"/>
      <c r="V12" s="195"/>
      <c r="W12" s="195"/>
      <c r="X12" s="195"/>
      <c r="Y12" s="195"/>
      <c r="Z12" s="195"/>
      <c r="AA12" s="195"/>
      <c r="AB12" s="195"/>
      <c r="AC12" s="195"/>
      <c r="AD12" s="195"/>
      <c r="AE12" s="195"/>
      <c r="AF12" s="195"/>
      <c r="AG12" s="195"/>
      <c r="AH12" s="198"/>
      <c r="AI12" s="199"/>
      <c r="AJ12" s="195"/>
      <c r="AK12" s="195"/>
      <c r="AL12" s="195"/>
      <c r="AM12" s="195"/>
      <c r="AN12" s="195"/>
      <c r="AO12" s="195"/>
      <c r="AP12" s="196"/>
      <c r="AQ12" s="197"/>
      <c r="AR12" s="195"/>
    </row>
    <row r="13" spans="1:44" ht="26.1" customHeight="1" x14ac:dyDescent="0.4">
      <c r="A13" s="316"/>
      <c r="B13" s="380"/>
      <c r="C13" s="381"/>
      <c r="D13" s="197"/>
      <c r="E13" s="195"/>
      <c r="F13" s="195"/>
      <c r="G13" s="195"/>
      <c r="H13" s="195"/>
      <c r="I13" s="195"/>
      <c r="J13" s="195"/>
      <c r="K13" s="195"/>
      <c r="L13" s="195"/>
      <c r="M13" s="195"/>
      <c r="N13" s="195"/>
      <c r="O13" s="195"/>
      <c r="P13" s="195"/>
      <c r="Q13" s="195"/>
      <c r="R13" s="195"/>
      <c r="S13" s="195"/>
      <c r="T13" s="195"/>
      <c r="U13" s="195"/>
      <c r="V13" s="195"/>
      <c r="W13" s="195"/>
      <c r="X13" s="195"/>
      <c r="Y13" s="195"/>
      <c r="Z13" s="195"/>
      <c r="AA13" s="195"/>
      <c r="AB13" s="195"/>
      <c r="AC13" s="195"/>
      <c r="AD13" s="195"/>
      <c r="AE13" s="195"/>
      <c r="AF13" s="195"/>
      <c r="AG13" s="195"/>
      <c r="AH13" s="198"/>
      <c r="AI13" s="199"/>
      <c r="AJ13" s="195"/>
      <c r="AK13" s="195"/>
      <c r="AL13" s="195"/>
      <c r="AM13" s="195"/>
      <c r="AN13" s="195"/>
      <c r="AO13" s="195"/>
      <c r="AP13" s="196"/>
      <c r="AQ13" s="197"/>
      <c r="AR13" s="195"/>
    </row>
    <row r="14" spans="1:44" ht="26.1" customHeight="1" x14ac:dyDescent="0.4">
      <c r="A14" s="316"/>
      <c r="B14" s="380"/>
      <c r="C14" s="381"/>
      <c r="D14" s="197"/>
      <c r="E14" s="195"/>
      <c r="F14" s="195"/>
      <c r="G14" s="195"/>
      <c r="H14" s="195"/>
      <c r="I14" s="195"/>
      <c r="J14" s="195"/>
      <c r="K14" s="195"/>
      <c r="L14" s="195"/>
      <c r="M14" s="195"/>
      <c r="N14" s="195"/>
      <c r="O14" s="195"/>
      <c r="P14" s="195"/>
      <c r="Q14" s="195"/>
      <c r="R14" s="195"/>
      <c r="S14" s="195"/>
      <c r="T14" s="195"/>
      <c r="U14" s="195"/>
      <c r="V14" s="195"/>
      <c r="W14" s="195"/>
      <c r="X14" s="195"/>
      <c r="Y14" s="195"/>
      <c r="Z14" s="195"/>
      <c r="AA14" s="195"/>
      <c r="AB14" s="195"/>
      <c r="AC14" s="195"/>
      <c r="AD14" s="195"/>
      <c r="AE14" s="195"/>
      <c r="AF14" s="195"/>
      <c r="AG14" s="195"/>
      <c r="AH14" s="198"/>
      <c r="AI14" s="199"/>
      <c r="AJ14" s="195"/>
      <c r="AK14" s="195"/>
      <c r="AL14" s="195"/>
      <c r="AM14" s="195"/>
      <c r="AN14" s="195"/>
      <c r="AO14" s="195"/>
      <c r="AP14" s="196"/>
      <c r="AQ14" s="197"/>
      <c r="AR14" s="195"/>
    </row>
    <row r="15" spans="1:44" ht="26.1" customHeight="1" thickBot="1" x14ac:dyDescent="0.45">
      <c r="A15" s="316"/>
      <c r="B15" s="386"/>
      <c r="C15" s="387"/>
      <c r="D15" s="193"/>
      <c r="E15" s="192"/>
      <c r="F15" s="192"/>
      <c r="G15" s="192"/>
      <c r="H15" s="192"/>
      <c r="I15" s="192"/>
      <c r="J15" s="192"/>
      <c r="K15" s="192"/>
      <c r="L15" s="192"/>
      <c r="M15" s="192"/>
      <c r="N15" s="192"/>
      <c r="O15" s="192"/>
      <c r="P15" s="192"/>
      <c r="Q15" s="192"/>
      <c r="R15" s="192"/>
      <c r="S15" s="192"/>
      <c r="T15" s="192"/>
      <c r="U15" s="192"/>
      <c r="V15" s="192"/>
      <c r="W15" s="192"/>
      <c r="X15" s="192"/>
      <c r="Y15" s="192"/>
      <c r="Z15" s="192"/>
      <c r="AA15" s="192"/>
      <c r="AB15" s="192"/>
      <c r="AC15" s="192"/>
      <c r="AD15" s="192"/>
      <c r="AE15" s="192"/>
      <c r="AF15" s="192"/>
      <c r="AG15" s="192"/>
      <c r="AH15" s="194"/>
      <c r="AI15" s="112"/>
      <c r="AJ15" s="95"/>
      <c r="AK15" s="95"/>
      <c r="AL15" s="95"/>
      <c r="AM15" s="95"/>
      <c r="AN15" s="95"/>
      <c r="AO15" s="95"/>
      <c r="AP15" s="113"/>
      <c r="AQ15" s="86"/>
      <c r="AR15" s="95"/>
    </row>
    <row r="16" spans="1:44" ht="26.1" customHeight="1" thickTop="1" x14ac:dyDescent="0.4">
      <c r="A16" s="316"/>
      <c r="B16" s="388" t="s">
        <v>189</v>
      </c>
      <c r="C16" s="110" t="s">
        <v>181</v>
      </c>
      <c r="D16" s="86"/>
      <c r="E16" s="95"/>
      <c r="F16" s="95"/>
      <c r="G16" s="95"/>
      <c r="H16" s="95"/>
      <c r="I16" s="95"/>
      <c r="J16" s="95"/>
      <c r="K16" s="95"/>
      <c r="L16" s="95"/>
      <c r="M16" s="95"/>
      <c r="N16" s="95"/>
      <c r="O16" s="95"/>
      <c r="P16" s="95"/>
      <c r="Q16" s="95"/>
      <c r="R16" s="95"/>
      <c r="S16" s="95"/>
      <c r="T16" s="95"/>
      <c r="U16" s="95"/>
      <c r="V16" s="95"/>
      <c r="W16" s="95"/>
      <c r="X16" s="95"/>
      <c r="Y16" s="95"/>
      <c r="Z16" s="95"/>
      <c r="AA16" s="95"/>
      <c r="AB16" s="95"/>
      <c r="AC16" s="95"/>
      <c r="AD16" s="95"/>
      <c r="AE16" s="95"/>
      <c r="AF16" s="95"/>
      <c r="AG16" s="95"/>
      <c r="AH16" s="111"/>
      <c r="AI16" s="389" t="s">
        <v>190</v>
      </c>
      <c r="AJ16" s="389"/>
      <c r="AK16" s="389"/>
      <c r="AL16" s="389"/>
      <c r="AM16" s="389"/>
      <c r="AN16" s="389"/>
      <c r="AO16" s="389"/>
      <c r="AP16" s="389"/>
      <c r="AQ16" s="389"/>
      <c r="AR16" s="389"/>
    </row>
    <row r="17" spans="1:44" ht="26.1" customHeight="1" x14ac:dyDescent="0.4">
      <c r="A17" s="316"/>
      <c r="B17" s="382"/>
      <c r="C17" s="103" t="s">
        <v>182</v>
      </c>
      <c r="D17" s="94"/>
      <c r="E17" s="91"/>
      <c r="F17" s="91"/>
      <c r="G17" s="91"/>
      <c r="H17" s="91"/>
      <c r="I17" s="91"/>
      <c r="J17" s="91"/>
      <c r="K17" s="91"/>
      <c r="L17" s="91"/>
      <c r="M17" s="91"/>
      <c r="N17" s="91"/>
      <c r="O17" s="91"/>
      <c r="P17" s="91"/>
      <c r="Q17" s="91"/>
      <c r="R17" s="91"/>
      <c r="S17" s="91"/>
      <c r="T17" s="91"/>
      <c r="U17" s="91"/>
      <c r="V17" s="91"/>
      <c r="W17" s="91"/>
      <c r="X17" s="91"/>
      <c r="Y17" s="91"/>
      <c r="Z17" s="91"/>
      <c r="AA17" s="91"/>
      <c r="AB17" s="91"/>
      <c r="AC17" s="91"/>
      <c r="AD17" s="91"/>
      <c r="AE17" s="91"/>
      <c r="AF17" s="91"/>
      <c r="AG17" s="91"/>
      <c r="AH17" s="114"/>
      <c r="AI17" s="390"/>
      <c r="AJ17" s="390"/>
      <c r="AK17" s="390"/>
      <c r="AL17" s="390"/>
      <c r="AM17" s="390"/>
      <c r="AN17" s="390"/>
      <c r="AO17" s="390"/>
      <c r="AP17" s="390"/>
      <c r="AQ17" s="390"/>
      <c r="AR17" s="390"/>
    </row>
    <row r="18" spans="1:44" ht="26.1" customHeight="1" x14ac:dyDescent="0.4">
      <c r="A18" s="316"/>
      <c r="B18" s="382"/>
      <c r="C18" s="103" t="s">
        <v>183</v>
      </c>
      <c r="D18" s="94"/>
      <c r="E18" s="91"/>
      <c r="F18" s="91"/>
      <c r="G18" s="91"/>
      <c r="H18" s="91"/>
      <c r="I18" s="91"/>
      <c r="J18" s="91"/>
      <c r="K18" s="91"/>
      <c r="L18" s="91"/>
      <c r="M18" s="91"/>
      <c r="N18" s="91"/>
      <c r="O18" s="91"/>
      <c r="P18" s="91"/>
      <c r="Q18" s="91"/>
      <c r="R18" s="91"/>
      <c r="S18" s="91"/>
      <c r="T18" s="91"/>
      <c r="U18" s="91"/>
      <c r="V18" s="91"/>
      <c r="W18" s="91"/>
      <c r="X18" s="91"/>
      <c r="Y18" s="91"/>
      <c r="Z18" s="91"/>
      <c r="AA18" s="91"/>
      <c r="AB18" s="91"/>
      <c r="AC18" s="91"/>
      <c r="AD18" s="91"/>
      <c r="AE18" s="91"/>
      <c r="AF18" s="91"/>
      <c r="AG18" s="91"/>
      <c r="AH18" s="114"/>
      <c r="AI18" s="370" t="s">
        <v>191</v>
      </c>
      <c r="AJ18" s="370"/>
      <c r="AK18" s="370"/>
      <c r="AL18" s="370"/>
      <c r="AM18" s="370"/>
      <c r="AN18" s="370"/>
      <c r="AO18" s="370"/>
      <c r="AP18" s="370"/>
      <c r="AQ18" s="370"/>
      <c r="AR18" s="370"/>
    </row>
    <row r="19" spans="1:44" ht="26.1" customHeight="1" x14ac:dyDescent="0.4">
      <c r="A19" s="316"/>
      <c r="B19" s="382"/>
      <c r="C19" s="103" t="s">
        <v>184</v>
      </c>
      <c r="D19" s="94"/>
      <c r="E19" s="91"/>
      <c r="F19" s="91"/>
      <c r="G19" s="91"/>
      <c r="H19" s="91"/>
      <c r="I19" s="91"/>
      <c r="J19" s="91"/>
      <c r="K19" s="91"/>
      <c r="L19" s="91"/>
      <c r="M19" s="91"/>
      <c r="N19" s="91"/>
      <c r="O19" s="91"/>
      <c r="P19" s="91"/>
      <c r="Q19" s="91"/>
      <c r="R19" s="91"/>
      <c r="S19" s="91"/>
      <c r="T19" s="91"/>
      <c r="U19" s="91"/>
      <c r="V19" s="91"/>
      <c r="W19" s="91"/>
      <c r="X19" s="91"/>
      <c r="Y19" s="91"/>
      <c r="Z19" s="91"/>
      <c r="AA19" s="91"/>
      <c r="AB19" s="91"/>
      <c r="AC19" s="91"/>
      <c r="AD19" s="91"/>
      <c r="AE19" s="91"/>
      <c r="AF19" s="91"/>
      <c r="AG19" s="91"/>
      <c r="AH19" s="114"/>
      <c r="AI19" s="370" t="s">
        <v>192</v>
      </c>
      <c r="AJ19" s="371"/>
      <c r="AK19" s="371"/>
      <c r="AL19" s="371"/>
      <c r="AM19" s="371"/>
      <c r="AN19" s="371"/>
      <c r="AO19" s="371"/>
      <c r="AP19" s="371"/>
      <c r="AQ19" s="371"/>
      <c r="AR19" s="371"/>
    </row>
    <row r="20" spans="1:44" ht="26.1" customHeight="1" x14ac:dyDescent="0.4">
      <c r="A20" s="316"/>
      <c r="B20" s="382"/>
      <c r="C20" s="103" t="s">
        <v>185</v>
      </c>
      <c r="D20" s="94"/>
      <c r="E20" s="91"/>
      <c r="F20" s="91"/>
      <c r="G20" s="91"/>
      <c r="H20" s="91"/>
      <c r="I20" s="91"/>
      <c r="J20" s="91"/>
      <c r="K20" s="91"/>
      <c r="L20" s="91"/>
      <c r="M20" s="91"/>
      <c r="N20" s="91"/>
      <c r="O20" s="91"/>
      <c r="P20" s="91"/>
      <c r="Q20" s="91"/>
      <c r="R20" s="91"/>
      <c r="S20" s="91"/>
      <c r="T20" s="91"/>
      <c r="U20" s="91"/>
      <c r="V20" s="91"/>
      <c r="W20" s="91"/>
      <c r="X20" s="91"/>
      <c r="Y20" s="91"/>
      <c r="Z20" s="91"/>
      <c r="AA20" s="91"/>
      <c r="AB20" s="91"/>
      <c r="AC20" s="91"/>
      <c r="AD20" s="91"/>
      <c r="AE20" s="91"/>
      <c r="AF20" s="91"/>
      <c r="AG20" s="91"/>
      <c r="AH20" s="114"/>
      <c r="AI20" s="370" t="s">
        <v>193</v>
      </c>
      <c r="AJ20" s="371"/>
      <c r="AK20" s="371"/>
      <c r="AL20" s="371"/>
      <c r="AM20" s="371"/>
      <c r="AN20" s="371"/>
      <c r="AO20" s="371"/>
      <c r="AP20" s="371"/>
      <c r="AQ20" s="371"/>
      <c r="AR20" s="371"/>
    </row>
    <row r="21" spans="1:44" ht="26.1" customHeight="1" x14ac:dyDescent="0.4">
      <c r="A21" s="316"/>
      <c r="B21" s="382"/>
      <c r="C21" s="103" t="s">
        <v>186</v>
      </c>
      <c r="D21" s="94"/>
      <c r="E21" s="91"/>
      <c r="F21" s="91"/>
      <c r="G21" s="91"/>
      <c r="H21" s="91"/>
      <c r="I21" s="91"/>
      <c r="J21" s="91"/>
      <c r="K21" s="91"/>
      <c r="L21" s="91"/>
      <c r="M21" s="91"/>
      <c r="N21" s="91"/>
      <c r="O21" s="91"/>
      <c r="P21" s="91"/>
      <c r="Q21" s="91"/>
      <c r="R21" s="91"/>
      <c r="S21" s="91"/>
      <c r="T21" s="91"/>
      <c r="U21" s="91"/>
      <c r="V21" s="91"/>
      <c r="W21" s="91"/>
      <c r="X21" s="91"/>
      <c r="Y21" s="91"/>
      <c r="Z21" s="91"/>
      <c r="AA21" s="91"/>
      <c r="AB21" s="91"/>
      <c r="AC21" s="91"/>
      <c r="AD21" s="91"/>
      <c r="AE21" s="91"/>
      <c r="AF21" s="91"/>
      <c r="AG21" s="91"/>
      <c r="AH21" s="114"/>
      <c r="AI21" s="370" t="s">
        <v>194</v>
      </c>
      <c r="AJ21" s="371"/>
      <c r="AK21" s="371"/>
      <c r="AL21" s="371"/>
      <c r="AM21" s="371"/>
      <c r="AN21" s="371"/>
      <c r="AO21" s="371"/>
      <c r="AP21" s="371"/>
      <c r="AQ21" s="371"/>
      <c r="AR21" s="371"/>
    </row>
    <row r="22" spans="1:44" ht="26.1" customHeight="1" x14ac:dyDescent="0.4">
      <c r="A22" s="316"/>
      <c r="B22" s="382"/>
      <c r="C22" s="103" t="s">
        <v>187</v>
      </c>
      <c r="D22" s="94"/>
      <c r="E22" s="91"/>
      <c r="F22" s="91"/>
      <c r="G22" s="91"/>
      <c r="H22" s="91"/>
      <c r="I22" s="91"/>
      <c r="J22" s="91"/>
      <c r="K22" s="91"/>
      <c r="L22" s="91"/>
      <c r="M22" s="91"/>
      <c r="N22" s="91"/>
      <c r="O22" s="91"/>
      <c r="P22" s="91"/>
      <c r="Q22" s="91"/>
      <c r="R22" s="91"/>
      <c r="S22" s="91"/>
      <c r="T22" s="91"/>
      <c r="U22" s="91"/>
      <c r="V22" s="91"/>
      <c r="W22" s="91"/>
      <c r="X22" s="91"/>
      <c r="Y22" s="91"/>
      <c r="Z22" s="91"/>
      <c r="AA22" s="91"/>
      <c r="AB22" s="91"/>
      <c r="AC22" s="91"/>
      <c r="AD22" s="91"/>
      <c r="AE22" s="91"/>
      <c r="AF22" s="91"/>
      <c r="AG22" s="91"/>
      <c r="AH22" s="114"/>
      <c r="AI22" s="384" t="s">
        <v>195</v>
      </c>
      <c r="AJ22" s="356"/>
      <c r="AK22" s="356"/>
      <c r="AL22" s="356"/>
      <c r="AM22" s="356"/>
      <c r="AN22" s="356"/>
      <c r="AO22" s="356"/>
      <c r="AP22" s="356"/>
      <c r="AQ22" s="356"/>
      <c r="AR22" s="356"/>
    </row>
    <row r="23" spans="1:44" ht="26.1" customHeight="1" thickBot="1" x14ac:dyDescent="0.45">
      <c r="A23" s="316"/>
      <c r="B23" s="382"/>
      <c r="C23" s="106" t="s">
        <v>188</v>
      </c>
      <c r="D23" s="117"/>
      <c r="E23" s="115"/>
      <c r="F23" s="115"/>
      <c r="G23" s="115"/>
      <c r="H23" s="115"/>
      <c r="I23" s="115"/>
      <c r="J23" s="115"/>
      <c r="K23" s="115"/>
      <c r="L23" s="115"/>
      <c r="M23" s="115"/>
      <c r="N23" s="115"/>
      <c r="O23" s="115"/>
      <c r="P23" s="115"/>
      <c r="Q23" s="115"/>
      <c r="R23" s="115"/>
      <c r="S23" s="115"/>
      <c r="T23" s="115"/>
      <c r="U23" s="115"/>
      <c r="V23" s="115"/>
      <c r="W23" s="115"/>
      <c r="X23" s="115"/>
      <c r="Y23" s="115"/>
      <c r="Z23" s="115"/>
      <c r="AA23" s="115"/>
      <c r="AB23" s="115"/>
      <c r="AC23" s="115"/>
      <c r="AD23" s="115"/>
      <c r="AE23" s="115"/>
      <c r="AF23" s="115"/>
      <c r="AG23" s="115"/>
      <c r="AH23" s="116"/>
      <c r="AI23" s="385"/>
      <c r="AJ23" s="385"/>
      <c r="AK23" s="385"/>
      <c r="AL23" s="385"/>
      <c r="AM23" s="385"/>
      <c r="AN23" s="385"/>
      <c r="AO23" s="385"/>
      <c r="AP23" s="385"/>
      <c r="AQ23" s="385"/>
      <c r="AR23" s="385"/>
    </row>
    <row r="24" spans="1:44" ht="26.1" customHeight="1" thickTop="1" x14ac:dyDescent="0.4">
      <c r="A24" s="316"/>
      <c r="B24" s="382"/>
      <c r="C24" s="110" t="s">
        <v>94</v>
      </c>
      <c r="D24" s="86"/>
      <c r="E24" s="95"/>
      <c r="F24" s="95"/>
      <c r="G24" s="95"/>
      <c r="H24" s="95"/>
      <c r="I24" s="95"/>
      <c r="J24" s="95"/>
      <c r="K24" s="95"/>
      <c r="L24" s="95"/>
      <c r="M24" s="95"/>
      <c r="N24" s="95"/>
      <c r="O24" s="95"/>
      <c r="P24" s="95"/>
      <c r="Q24" s="95"/>
      <c r="R24" s="95"/>
      <c r="S24" s="95"/>
      <c r="T24" s="95"/>
      <c r="U24" s="95"/>
      <c r="V24" s="95"/>
      <c r="W24" s="95"/>
      <c r="X24" s="95"/>
      <c r="Y24" s="95"/>
      <c r="Z24" s="95"/>
      <c r="AA24" s="95"/>
      <c r="AB24" s="95"/>
      <c r="AC24" s="95"/>
      <c r="AD24" s="95"/>
      <c r="AE24" s="95"/>
      <c r="AF24" s="95"/>
      <c r="AG24" s="95"/>
      <c r="AH24" s="113"/>
      <c r="AI24" s="385"/>
      <c r="AJ24" s="385"/>
      <c r="AK24" s="385"/>
      <c r="AL24" s="385"/>
      <c r="AM24" s="385"/>
      <c r="AN24" s="385"/>
      <c r="AO24" s="385"/>
      <c r="AP24" s="385"/>
      <c r="AQ24" s="385"/>
      <c r="AR24" s="385"/>
    </row>
    <row r="25" spans="1:44" ht="18" customHeight="1" x14ac:dyDescent="0.4">
      <c r="A25" s="316"/>
      <c r="B25" s="10" t="s">
        <v>196</v>
      </c>
    </row>
    <row r="26" spans="1:44" ht="18" customHeight="1" x14ac:dyDescent="0.4">
      <c r="A26" s="316"/>
      <c r="B26" s="10" t="s">
        <v>197</v>
      </c>
    </row>
    <row r="27" spans="1:44" ht="18" customHeight="1" x14ac:dyDescent="0.4">
      <c r="A27" s="316"/>
      <c r="B27" s="10" t="s">
        <v>198</v>
      </c>
    </row>
  </sheetData>
  <mergeCells count="26">
    <mergeCell ref="AI22:AR22"/>
    <mergeCell ref="AI23:AR23"/>
    <mergeCell ref="AI24:AR24"/>
    <mergeCell ref="B12:C12"/>
    <mergeCell ref="B13:C13"/>
    <mergeCell ref="B14:C14"/>
    <mergeCell ref="B15:C15"/>
    <mergeCell ref="B16:B24"/>
    <mergeCell ref="AI16:AR17"/>
    <mergeCell ref="AI21:AR21"/>
    <mergeCell ref="AI18:AR18"/>
    <mergeCell ref="B5:C5"/>
    <mergeCell ref="B6:C6"/>
    <mergeCell ref="B7:C7"/>
    <mergeCell ref="B8:C8"/>
    <mergeCell ref="A1:A27"/>
    <mergeCell ref="B11:C11"/>
    <mergeCell ref="B3:B4"/>
    <mergeCell ref="B9:C9"/>
    <mergeCell ref="B10:C10"/>
    <mergeCell ref="AL2:AO2"/>
    <mergeCell ref="AI19:AR19"/>
    <mergeCell ref="AI20:AR20"/>
    <mergeCell ref="AR3:AR4"/>
    <mergeCell ref="AI3:AP3"/>
    <mergeCell ref="AQ3:AQ4"/>
  </mergeCells>
  <phoneticPr fontId="2"/>
  <printOptions horizontalCentered="1"/>
  <pageMargins left="0.39370078740157483" right="0.39370078740157483" top="0.39370078740157483" bottom="0.39370078740157483" header="0.19685039370078741" footer="0.19685039370078741"/>
  <pageSetup paperSize="9" scale="75" fitToHeight="0"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381C0C-9C0B-4989-A966-50AB4E106733}">
  <sheetPr>
    <pageSetUpPr fitToPage="1"/>
  </sheetPr>
  <dimension ref="A1:AR27"/>
  <sheetViews>
    <sheetView showGridLines="0" view="pageBreakPreview" zoomScaleNormal="100" zoomScaleSheetLayoutView="100" workbookViewId="0">
      <selection activeCell="B5" sqref="B5:C5"/>
    </sheetView>
  </sheetViews>
  <sheetFormatPr defaultRowHeight="12" x14ac:dyDescent="0.4"/>
  <cols>
    <col min="1" max="1" width="2.625" style="26" customWidth="1"/>
    <col min="2" max="2" width="3.625" style="26" customWidth="1"/>
    <col min="3" max="3" width="4.625" style="26" customWidth="1"/>
    <col min="4" max="34" width="3.625" style="26" customWidth="1"/>
    <col min="35" max="44" width="4.625" style="26" customWidth="1"/>
    <col min="45" max="16384" width="9" style="26"/>
  </cols>
  <sheetData>
    <row r="1" spans="1:44" ht="15" customHeight="1" x14ac:dyDescent="0.4">
      <c r="A1" s="316" t="s">
        <v>918</v>
      </c>
      <c r="B1" s="10" t="s">
        <v>199</v>
      </c>
    </row>
    <row r="2" spans="1:44" ht="15" customHeight="1" x14ac:dyDescent="0.4">
      <c r="A2" s="316"/>
      <c r="B2" s="26" t="s">
        <v>200</v>
      </c>
      <c r="Z2" s="26" t="s">
        <v>171</v>
      </c>
      <c r="AE2" s="368" t="s">
        <v>201</v>
      </c>
      <c r="AF2" s="368"/>
      <c r="AG2" s="368"/>
      <c r="AH2" s="26" t="s">
        <v>173</v>
      </c>
      <c r="AI2" s="26" t="s">
        <v>174</v>
      </c>
      <c r="AL2" s="368"/>
      <c r="AM2" s="368"/>
      <c r="AN2" s="368"/>
      <c r="AO2" s="368"/>
      <c r="AP2" s="26" t="s">
        <v>173</v>
      </c>
    </row>
    <row r="3" spans="1:44" ht="30" customHeight="1" x14ac:dyDescent="0.4">
      <c r="A3" s="316"/>
      <c r="B3" s="382" t="s">
        <v>175</v>
      </c>
      <c r="C3" s="108" t="s">
        <v>176</v>
      </c>
      <c r="D3" s="107">
        <v>1</v>
      </c>
      <c r="E3" s="77">
        <v>2</v>
      </c>
      <c r="F3" s="77">
        <v>3</v>
      </c>
      <c r="G3" s="77">
        <v>4</v>
      </c>
      <c r="H3" s="77">
        <v>5</v>
      </c>
      <c r="I3" s="77">
        <v>6</v>
      </c>
      <c r="J3" s="77">
        <v>7</v>
      </c>
      <c r="K3" s="77">
        <v>8</v>
      </c>
      <c r="L3" s="77">
        <v>9</v>
      </c>
      <c r="M3" s="77">
        <v>10</v>
      </c>
      <c r="N3" s="77">
        <v>11</v>
      </c>
      <c r="O3" s="77">
        <v>12</v>
      </c>
      <c r="P3" s="77">
        <v>13</v>
      </c>
      <c r="Q3" s="77">
        <v>14</v>
      </c>
      <c r="R3" s="77">
        <v>15</v>
      </c>
      <c r="S3" s="77">
        <v>16</v>
      </c>
      <c r="T3" s="77">
        <v>17</v>
      </c>
      <c r="U3" s="77">
        <v>18</v>
      </c>
      <c r="V3" s="77">
        <v>19</v>
      </c>
      <c r="W3" s="77">
        <v>20</v>
      </c>
      <c r="X3" s="77">
        <v>21</v>
      </c>
      <c r="Y3" s="77">
        <v>22</v>
      </c>
      <c r="Z3" s="77">
        <v>23</v>
      </c>
      <c r="AA3" s="77">
        <v>24</v>
      </c>
      <c r="AB3" s="77">
        <v>25</v>
      </c>
      <c r="AC3" s="77">
        <v>26</v>
      </c>
      <c r="AD3" s="77">
        <v>27</v>
      </c>
      <c r="AE3" s="77">
        <v>28</v>
      </c>
      <c r="AF3" s="77">
        <v>29</v>
      </c>
      <c r="AG3" s="77">
        <v>30</v>
      </c>
      <c r="AH3" s="102">
        <v>31</v>
      </c>
      <c r="AI3" s="374" t="s">
        <v>177</v>
      </c>
      <c r="AJ3" s="295"/>
      <c r="AK3" s="295"/>
      <c r="AL3" s="295"/>
      <c r="AM3" s="295"/>
      <c r="AN3" s="295"/>
      <c r="AO3" s="295"/>
      <c r="AP3" s="375"/>
      <c r="AQ3" s="376" t="s">
        <v>178</v>
      </c>
      <c r="AR3" s="372" t="s">
        <v>179</v>
      </c>
    </row>
    <row r="4" spans="1:44" ht="39.950000000000003" customHeight="1" thickBot="1" x14ac:dyDescent="0.45">
      <c r="A4" s="316"/>
      <c r="B4" s="383"/>
      <c r="C4" s="109" t="s">
        <v>180</v>
      </c>
      <c r="D4" s="90"/>
      <c r="E4" s="87"/>
      <c r="F4" s="87"/>
      <c r="G4" s="87"/>
      <c r="H4" s="87"/>
      <c r="I4" s="87"/>
      <c r="J4" s="87"/>
      <c r="K4" s="87"/>
      <c r="L4" s="87"/>
      <c r="M4" s="87"/>
      <c r="N4" s="87"/>
      <c r="O4" s="87"/>
      <c r="P4" s="87"/>
      <c r="Q4" s="87"/>
      <c r="R4" s="87"/>
      <c r="S4" s="87"/>
      <c r="T4" s="87"/>
      <c r="U4" s="87"/>
      <c r="V4" s="87"/>
      <c r="W4" s="87"/>
      <c r="X4" s="87"/>
      <c r="Y4" s="87"/>
      <c r="Z4" s="87"/>
      <c r="AA4" s="87"/>
      <c r="AB4" s="87"/>
      <c r="AC4" s="87"/>
      <c r="AD4" s="87"/>
      <c r="AE4" s="87"/>
      <c r="AF4" s="87"/>
      <c r="AG4" s="87"/>
      <c r="AH4" s="88"/>
      <c r="AI4" s="104" t="s">
        <v>181</v>
      </c>
      <c r="AJ4" s="105" t="s">
        <v>182</v>
      </c>
      <c r="AK4" s="105" t="s">
        <v>183</v>
      </c>
      <c r="AL4" s="105" t="s">
        <v>184</v>
      </c>
      <c r="AM4" s="105" t="s">
        <v>185</v>
      </c>
      <c r="AN4" s="105" t="s">
        <v>186</v>
      </c>
      <c r="AO4" s="105" t="s">
        <v>187</v>
      </c>
      <c r="AP4" s="106" t="s">
        <v>188</v>
      </c>
      <c r="AQ4" s="377"/>
      <c r="AR4" s="373"/>
    </row>
    <row r="5" spans="1:44" ht="26.1" customHeight="1" thickTop="1" x14ac:dyDescent="0.4">
      <c r="A5" s="316"/>
      <c r="B5" s="378"/>
      <c r="C5" s="379"/>
      <c r="D5" s="186"/>
      <c r="E5" s="185"/>
      <c r="F5" s="185"/>
      <c r="G5" s="185"/>
      <c r="H5" s="185"/>
      <c r="I5" s="185"/>
      <c r="J5" s="185"/>
      <c r="K5" s="185"/>
      <c r="L5" s="185"/>
      <c r="M5" s="185"/>
      <c r="N5" s="185"/>
      <c r="O5" s="185"/>
      <c r="P5" s="185"/>
      <c r="Q5" s="185"/>
      <c r="R5" s="185"/>
      <c r="S5" s="185"/>
      <c r="T5" s="185"/>
      <c r="U5" s="185"/>
      <c r="V5" s="185"/>
      <c r="W5" s="185"/>
      <c r="X5" s="185"/>
      <c r="Y5" s="185"/>
      <c r="Z5" s="185"/>
      <c r="AA5" s="185"/>
      <c r="AB5" s="185"/>
      <c r="AC5" s="185"/>
      <c r="AD5" s="185"/>
      <c r="AE5" s="185"/>
      <c r="AF5" s="185"/>
      <c r="AG5" s="185"/>
      <c r="AH5" s="187"/>
      <c r="AI5" s="188"/>
      <c r="AJ5" s="189"/>
      <c r="AK5" s="189"/>
      <c r="AL5" s="189"/>
      <c r="AM5" s="189"/>
      <c r="AN5" s="189"/>
      <c r="AO5" s="189"/>
      <c r="AP5" s="190"/>
      <c r="AQ5" s="191"/>
      <c r="AR5" s="189"/>
    </row>
    <row r="6" spans="1:44" ht="26.1" customHeight="1" x14ac:dyDescent="0.4">
      <c r="A6" s="316"/>
      <c r="B6" s="380"/>
      <c r="C6" s="381"/>
      <c r="D6" s="197"/>
      <c r="E6" s="195"/>
      <c r="F6" s="195"/>
      <c r="G6" s="195"/>
      <c r="H6" s="195"/>
      <c r="I6" s="195"/>
      <c r="J6" s="195"/>
      <c r="K6" s="195"/>
      <c r="L6" s="195"/>
      <c r="M6" s="195"/>
      <c r="N6" s="195"/>
      <c r="O6" s="195"/>
      <c r="P6" s="195"/>
      <c r="Q6" s="195"/>
      <c r="R6" s="195"/>
      <c r="S6" s="195"/>
      <c r="T6" s="195"/>
      <c r="U6" s="195"/>
      <c r="V6" s="195"/>
      <c r="W6" s="195"/>
      <c r="X6" s="195"/>
      <c r="Y6" s="195"/>
      <c r="Z6" s="195"/>
      <c r="AA6" s="195"/>
      <c r="AB6" s="195"/>
      <c r="AC6" s="195"/>
      <c r="AD6" s="195"/>
      <c r="AE6" s="195"/>
      <c r="AF6" s="195"/>
      <c r="AG6" s="195"/>
      <c r="AH6" s="198"/>
      <c r="AI6" s="199"/>
      <c r="AJ6" s="195"/>
      <c r="AK6" s="195"/>
      <c r="AL6" s="195"/>
      <c r="AM6" s="195"/>
      <c r="AN6" s="195"/>
      <c r="AO6" s="195"/>
      <c r="AP6" s="196"/>
      <c r="AQ6" s="197"/>
      <c r="AR6" s="195"/>
    </row>
    <row r="7" spans="1:44" ht="26.1" customHeight="1" x14ac:dyDescent="0.4">
      <c r="A7" s="316"/>
      <c r="B7" s="380"/>
      <c r="C7" s="381"/>
      <c r="D7" s="197"/>
      <c r="E7" s="195"/>
      <c r="F7" s="195"/>
      <c r="G7" s="195"/>
      <c r="H7" s="195"/>
      <c r="I7" s="195"/>
      <c r="J7" s="195"/>
      <c r="K7" s="195"/>
      <c r="L7" s="195"/>
      <c r="M7" s="195"/>
      <c r="N7" s="195"/>
      <c r="O7" s="195"/>
      <c r="P7" s="195"/>
      <c r="Q7" s="195"/>
      <c r="R7" s="195"/>
      <c r="S7" s="195"/>
      <c r="T7" s="195"/>
      <c r="U7" s="195"/>
      <c r="V7" s="195"/>
      <c r="W7" s="195"/>
      <c r="X7" s="195"/>
      <c r="Y7" s="195"/>
      <c r="Z7" s="195"/>
      <c r="AA7" s="195"/>
      <c r="AB7" s="195"/>
      <c r="AC7" s="195"/>
      <c r="AD7" s="195"/>
      <c r="AE7" s="195"/>
      <c r="AF7" s="195"/>
      <c r="AG7" s="195"/>
      <c r="AH7" s="198"/>
      <c r="AI7" s="199"/>
      <c r="AJ7" s="195"/>
      <c r="AK7" s="195"/>
      <c r="AL7" s="195"/>
      <c r="AM7" s="195"/>
      <c r="AN7" s="195"/>
      <c r="AO7" s="195"/>
      <c r="AP7" s="196"/>
      <c r="AQ7" s="197"/>
      <c r="AR7" s="195"/>
    </row>
    <row r="8" spans="1:44" ht="26.1" customHeight="1" x14ac:dyDescent="0.4">
      <c r="A8" s="316"/>
      <c r="B8" s="380"/>
      <c r="C8" s="381"/>
      <c r="D8" s="197"/>
      <c r="E8" s="195"/>
      <c r="F8" s="195"/>
      <c r="G8" s="195"/>
      <c r="H8" s="195"/>
      <c r="I8" s="195"/>
      <c r="J8" s="195"/>
      <c r="K8" s="195"/>
      <c r="L8" s="195"/>
      <c r="M8" s="195"/>
      <c r="N8" s="195"/>
      <c r="O8" s="195"/>
      <c r="P8" s="195"/>
      <c r="Q8" s="195"/>
      <c r="R8" s="195"/>
      <c r="S8" s="195"/>
      <c r="T8" s="195"/>
      <c r="U8" s="195"/>
      <c r="V8" s="195"/>
      <c r="W8" s="195"/>
      <c r="X8" s="195"/>
      <c r="Y8" s="195"/>
      <c r="Z8" s="195"/>
      <c r="AA8" s="195"/>
      <c r="AB8" s="195"/>
      <c r="AC8" s="195"/>
      <c r="AD8" s="195"/>
      <c r="AE8" s="195"/>
      <c r="AF8" s="195"/>
      <c r="AG8" s="195"/>
      <c r="AH8" s="198"/>
      <c r="AI8" s="199"/>
      <c r="AJ8" s="195"/>
      <c r="AK8" s="195"/>
      <c r="AL8" s="195"/>
      <c r="AM8" s="195"/>
      <c r="AN8" s="195"/>
      <c r="AO8" s="195"/>
      <c r="AP8" s="196"/>
      <c r="AQ8" s="197"/>
      <c r="AR8" s="195"/>
    </row>
    <row r="9" spans="1:44" ht="26.1" customHeight="1" x14ac:dyDescent="0.4">
      <c r="A9" s="316"/>
      <c r="B9" s="380"/>
      <c r="C9" s="381"/>
      <c r="D9" s="197"/>
      <c r="E9" s="195"/>
      <c r="F9" s="195"/>
      <c r="G9" s="195"/>
      <c r="H9" s="195"/>
      <c r="I9" s="195"/>
      <c r="J9" s="195"/>
      <c r="K9" s="195"/>
      <c r="L9" s="195"/>
      <c r="M9" s="195"/>
      <c r="N9" s="195"/>
      <c r="O9" s="195"/>
      <c r="P9" s="195"/>
      <c r="Q9" s="195"/>
      <c r="R9" s="195"/>
      <c r="S9" s="195"/>
      <c r="T9" s="195"/>
      <c r="U9" s="195"/>
      <c r="V9" s="195"/>
      <c r="W9" s="195"/>
      <c r="X9" s="195"/>
      <c r="Y9" s="195"/>
      <c r="Z9" s="195"/>
      <c r="AA9" s="195"/>
      <c r="AB9" s="195"/>
      <c r="AC9" s="195"/>
      <c r="AD9" s="195"/>
      <c r="AE9" s="195"/>
      <c r="AF9" s="195"/>
      <c r="AG9" s="195"/>
      <c r="AH9" s="198"/>
      <c r="AI9" s="199"/>
      <c r="AJ9" s="195"/>
      <c r="AK9" s="195"/>
      <c r="AL9" s="195"/>
      <c r="AM9" s="195"/>
      <c r="AN9" s="195"/>
      <c r="AO9" s="195"/>
      <c r="AP9" s="196"/>
      <c r="AQ9" s="197"/>
      <c r="AR9" s="195"/>
    </row>
    <row r="10" spans="1:44" ht="26.1" customHeight="1" x14ac:dyDescent="0.4">
      <c r="A10" s="316"/>
      <c r="B10" s="380"/>
      <c r="C10" s="381"/>
      <c r="D10" s="197"/>
      <c r="E10" s="195"/>
      <c r="F10" s="195"/>
      <c r="G10" s="195"/>
      <c r="H10" s="195"/>
      <c r="I10" s="195"/>
      <c r="J10" s="195"/>
      <c r="K10" s="195"/>
      <c r="L10" s="195"/>
      <c r="M10" s="195"/>
      <c r="N10" s="195"/>
      <c r="O10" s="195"/>
      <c r="P10" s="195"/>
      <c r="Q10" s="195"/>
      <c r="R10" s="195"/>
      <c r="S10" s="195"/>
      <c r="T10" s="195"/>
      <c r="U10" s="195"/>
      <c r="V10" s="195"/>
      <c r="W10" s="195"/>
      <c r="X10" s="195"/>
      <c r="Y10" s="195"/>
      <c r="Z10" s="195"/>
      <c r="AA10" s="195"/>
      <c r="AB10" s="195"/>
      <c r="AC10" s="195"/>
      <c r="AD10" s="195"/>
      <c r="AE10" s="195"/>
      <c r="AF10" s="195"/>
      <c r="AG10" s="195"/>
      <c r="AH10" s="198"/>
      <c r="AI10" s="199"/>
      <c r="AJ10" s="195"/>
      <c r="AK10" s="195"/>
      <c r="AL10" s="195"/>
      <c r="AM10" s="195"/>
      <c r="AN10" s="195"/>
      <c r="AO10" s="195"/>
      <c r="AP10" s="196"/>
      <c r="AQ10" s="197"/>
      <c r="AR10" s="195"/>
    </row>
    <row r="11" spans="1:44" ht="26.1" customHeight="1" x14ac:dyDescent="0.4">
      <c r="A11" s="316"/>
      <c r="B11" s="380"/>
      <c r="C11" s="381"/>
      <c r="D11" s="197"/>
      <c r="E11" s="195"/>
      <c r="F11" s="195"/>
      <c r="G11" s="195"/>
      <c r="H11" s="195"/>
      <c r="I11" s="195"/>
      <c r="J11" s="195"/>
      <c r="K11" s="195"/>
      <c r="L11" s="195"/>
      <c r="M11" s="195"/>
      <c r="N11" s="195"/>
      <c r="O11" s="195"/>
      <c r="P11" s="195"/>
      <c r="Q11" s="195"/>
      <c r="R11" s="195"/>
      <c r="S11" s="195"/>
      <c r="T11" s="195"/>
      <c r="U11" s="195"/>
      <c r="V11" s="195"/>
      <c r="W11" s="195"/>
      <c r="X11" s="195"/>
      <c r="Y11" s="195"/>
      <c r="Z11" s="195"/>
      <c r="AA11" s="195"/>
      <c r="AB11" s="195"/>
      <c r="AC11" s="195"/>
      <c r="AD11" s="195"/>
      <c r="AE11" s="195"/>
      <c r="AF11" s="195"/>
      <c r="AG11" s="195"/>
      <c r="AH11" s="198"/>
      <c r="AI11" s="199"/>
      <c r="AJ11" s="195"/>
      <c r="AK11" s="195"/>
      <c r="AL11" s="195"/>
      <c r="AM11" s="195"/>
      <c r="AN11" s="195"/>
      <c r="AO11" s="195"/>
      <c r="AP11" s="196"/>
      <c r="AQ11" s="197"/>
      <c r="AR11" s="195"/>
    </row>
    <row r="12" spans="1:44" ht="26.1" customHeight="1" x14ac:dyDescent="0.4">
      <c r="A12" s="316"/>
      <c r="B12" s="380"/>
      <c r="C12" s="381"/>
      <c r="D12" s="197"/>
      <c r="E12" s="195"/>
      <c r="F12" s="195"/>
      <c r="G12" s="195"/>
      <c r="H12" s="195"/>
      <c r="I12" s="195"/>
      <c r="J12" s="195"/>
      <c r="K12" s="195"/>
      <c r="L12" s="195"/>
      <c r="M12" s="195"/>
      <c r="N12" s="195"/>
      <c r="O12" s="195"/>
      <c r="P12" s="195"/>
      <c r="Q12" s="195"/>
      <c r="R12" s="195"/>
      <c r="S12" s="195"/>
      <c r="T12" s="195"/>
      <c r="U12" s="195"/>
      <c r="V12" s="195"/>
      <c r="W12" s="195"/>
      <c r="X12" s="195"/>
      <c r="Y12" s="195"/>
      <c r="Z12" s="195"/>
      <c r="AA12" s="195"/>
      <c r="AB12" s="195"/>
      <c r="AC12" s="195"/>
      <c r="AD12" s="195"/>
      <c r="AE12" s="195"/>
      <c r="AF12" s="195"/>
      <c r="AG12" s="195"/>
      <c r="AH12" s="198"/>
      <c r="AI12" s="199"/>
      <c r="AJ12" s="195"/>
      <c r="AK12" s="195"/>
      <c r="AL12" s="195"/>
      <c r="AM12" s="195"/>
      <c r="AN12" s="195"/>
      <c r="AO12" s="195"/>
      <c r="AP12" s="196"/>
      <c r="AQ12" s="197"/>
      <c r="AR12" s="195"/>
    </row>
    <row r="13" spans="1:44" ht="26.1" customHeight="1" x14ac:dyDescent="0.4">
      <c r="A13" s="316"/>
      <c r="B13" s="380"/>
      <c r="C13" s="381"/>
      <c r="D13" s="197"/>
      <c r="E13" s="195"/>
      <c r="F13" s="195"/>
      <c r="G13" s="195"/>
      <c r="H13" s="195"/>
      <c r="I13" s="195"/>
      <c r="J13" s="195"/>
      <c r="K13" s="195"/>
      <c r="L13" s="195"/>
      <c r="M13" s="195"/>
      <c r="N13" s="195"/>
      <c r="O13" s="195"/>
      <c r="P13" s="195"/>
      <c r="Q13" s="195"/>
      <c r="R13" s="195"/>
      <c r="S13" s="195"/>
      <c r="T13" s="195"/>
      <c r="U13" s="195"/>
      <c r="V13" s="195"/>
      <c r="W13" s="195"/>
      <c r="X13" s="195"/>
      <c r="Y13" s="195"/>
      <c r="Z13" s="195"/>
      <c r="AA13" s="195"/>
      <c r="AB13" s="195"/>
      <c r="AC13" s="195"/>
      <c r="AD13" s="195"/>
      <c r="AE13" s="195"/>
      <c r="AF13" s="195"/>
      <c r="AG13" s="195"/>
      <c r="AH13" s="198"/>
      <c r="AI13" s="199"/>
      <c r="AJ13" s="195"/>
      <c r="AK13" s="195"/>
      <c r="AL13" s="195"/>
      <c r="AM13" s="195"/>
      <c r="AN13" s="195"/>
      <c r="AO13" s="195"/>
      <c r="AP13" s="196"/>
      <c r="AQ13" s="197"/>
      <c r="AR13" s="195"/>
    </row>
    <row r="14" spans="1:44" ht="26.1" customHeight="1" x14ac:dyDescent="0.4">
      <c r="A14" s="316"/>
      <c r="B14" s="380"/>
      <c r="C14" s="381"/>
      <c r="D14" s="197"/>
      <c r="E14" s="195"/>
      <c r="F14" s="195"/>
      <c r="G14" s="195"/>
      <c r="H14" s="195"/>
      <c r="I14" s="195"/>
      <c r="J14" s="195"/>
      <c r="K14" s="195"/>
      <c r="L14" s="195"/>
      <c r="M14" s="195"/>
      <c r="N14" s="195"/>
      <c r="O14" s="195"/>
      <c r="P14" s="195"/>
      <c r="Q14" s="195"/>
      <c r="R14" s="195"/>
      <c r="S14" s="195"/>
      <c r="T14" s="195"/>
      <c r="U14" s="195"/>
      <c r="V14" s="195"/>
      <c r="W14" s="195"/>
      <c r="X14" s="195"/>
      <c r="Y14" s="195"/>
      <c r="Z14" s="195"/>
      <c r="AA14" s="195"/>
      <c r="AB14" s="195"/>
      <c r="AC14" s="195"/>
      <c r="AD14" s="195"/>
      <c r="AE14" s="195"/>
      <c r="AF14" s="195"/>
      <c r="AG14" s="195"/>
      <c r="AH14" s="198"/>
      <c r="AI14" s="199"/>
      <c r="AJ14" s="195"/>
      <c r="AK14" s="195"/>
      <c r="AL14" s="195"/>
      <c r="AM14" s="195"/>
      <c r="AN14" s="195"/>
      <c r="AO14" s="195"/>
      <c r="AP14" s="196"/>
      <c r="AQ14" s="197"/>
      <c r="AR14" s="195"/>
    </row>
    <row r="15" spans="1:44" ht="26.1" customHeight="1" thickBot="1" x14ac:dyDescent="0.45">
      <c r="A15" s="316"/>
      <c r="B15" s="386"/>
      <c r="C15" s="387"/>
      <c r="D15" s="193"/>
      <c r="E15" s="192"/>
      <c r="F15" s="192"/>
      <c r="G15" s="192"/>
      <c r="H15" s="192"/>
      <c r="I15" s="192"/>
      <c r="J15" s="192"/>
      <c r="K15" s="192"/>
      <c r="L15" s="192"/>
      <c r="M15" s="192"/>
      <c r="N15" s="192"/>
      <c r="O15" s="192"/>
      <c r="P15" s="192"/>
      <c r="Q15" s="192"/>
      <c r="R15" s="192"/>
      <c r="S15" s="192"/>
      <c r="T15" s="192"/>
      <c r="U15" s="192"/>
      <c r="V15" s="192"/>
      <c r="W15" s="192"/>
      <c r="X15" s="192"/>
      <c r="Y15" s="192"/>
      <c r="Z15" s="192"/>
      <c r="AA15" s="192"/>
      <c r="AB15" s="192"/>
      <c r="AC15" s="192"/>
      <c r="AD15" s="192"/>
      <c r="AE15" s="192"/>
      <c r="AF15" s="192"/>
      <c r="AG15" s="192"/>
      <c r="AH15" s="194"/>
      <c r="AI15" s="112"/>
      <c r="AJ15" s="95"/>
      <c r="AK15" s="95"/>
      <c r="AL15" s="95"/>
      <c r="AM15" s="95"/>
      <c r="AN15" s="95"/>
      <c r="AO15" s="95"/>
      <c r="AP15" s="113"/>
      <c r="AQ15" s="86"/>
      <c r="AR15" s="95"/>
    </row>
    <row r="16" spans="1:44" ht="26.1" customHeight="1" thickTop="1" x14ac:dyDescent="0.4">
      <c r="A16" s="316"/>
      <c r="B16" s="388" t="s">
        <v>189</v>
      </c>
      <c r="C16" s="110" t="s">
        <v>181</v>
      </c>
      <c r="D16" s="86"/>
      <c r="E16" s="95"/>
      <c r="F16" s="95"/>
      <c r="G16" s="95"/>
      <c r="H16" s="95"/>
      <c r="I16" s="95"/>
      <c r="J16" s="95"/>
      <c r="K16" s="95"/>
      <c r="L16" s="95"/>
      <c r="M16" s="95"/>
      <c r="N16" s="95"/>
      <c r="O16" s="95"/>
      <c r="P16" s="95"/>
      <c r="Q16" s="95"/>
      <c r="R16" s="95"/>
      <c r="S16" s="95"/>
      <c r="T16" s="95"/>
      <c r="U16" s="95"/>
      <c r="V16" s="95"/>
      <c r="W16" s="95"/>
      <c r="X16" s="95"/>
      <c r="Y16" s="95"/>
      <c r="Z16" s="95"/>
      <c r="AA16" s="95"/>
      <c r="AB16" s="95"/>
      <c r="AC16" s="95"/>
      <c r="AD16" s="95"/>
      <c r="AE16" s="95"/>
      <c r="AF16" s="95"/>
      <c r="AG16" s="95"/>
      <c r="AH16" s="111"/>
      <c r="AI16" s="389" t="s">
        <v>190</v>
      </c>
      <c r="AJ16" s="389"/>
      <c r="AK16" s="389"/>
      <c r="AL16" s="389"/>
      <c r="AM16" s="389"/>
      <c r="AN16" s="389"/>
      <c r="AO16" s="389"/>
      <c r="AP16" s="389"/>
      <c r="AQ16" s="389"/>
      <c r="AR16" s="389"/>
    </row>
    <row r="17" spans="1:44" ht="26.1" customHeight="1" x14ac:dyDescent="0.4">
      <c r="A17" s="316"/>
      <c r="B17" s="382"/>
      <c r="C17" s="103" t="s">
        <v>182</v>
      </c>
      <c r="D17" s="94"/>
      <c r="E17" s="91"/>
      <c r="F17" s="91"/>
      <c r="G17" s="91"/>
      <c r="H17" s="91"/>
      <c r="I17" s="91"/>
      <c r="J17" s="91"/>
      <c r="K17" s="91"/>
      <c r="L17" s="91"/>
      <c r="M17" s="91"/>
      <c r="N17" s="91"/>
      <c r="O17" s="91"/>
      <c r="P17" s="91"/>
      <c r="Q17" s="91"/>
      <c r="R17" s="91"/>
      <c r="S17" s="91"/>
      <c r="T17" s="91"/>
      <c r="U17" s="91"/>
      <c r="V17" s="91"/>
      <c r="W17" s="91"/>
      <c r="X17" s="91"/>
      <c r="Y17" s="91"/>
      <c r="Z17" s="91"/>
      <c r="AA17" s="91"/>
      <c r="AB17" s="91"/>
      <c r="AC17" s="91"/>
      <c r="AD17" s="91"/>
      <c r="AE17" s="91"/>
      <c r="AF17" s="91"/>
      <c r="AG17" s="91"/>
      <c r="AH17" s="114"/>
      <c r="AI17" s="390"/>
      <c r="AJ17" s="390"/>
      <c r="AK17" s="390"/>
      <c r="AL17" s="390"/>
      <c r="AM17" s="390"/>
      <c r="AN17" s="390"/>
      <c r="AO17" s="390"/>
      <c r="AP17" s="390"/>
      <c r="AQ17" s="390"/>
      <c r="AR17" s="390"/>
    </row>
    <row r="18" spans="1:44" ht="26.1" customHeight="1" x14ac:dyDescent="0.4">
      <c r="A18" s="316"/>
      <c r="B18" s="382"/>
      <c r="C18" s="103" t="s">
        <v>183</v>
      </c>
      <c r="D18" s="94"/>
      <c r="E18" s="91"/>
      <c r="F18" s="91"/>
      <c r="G18" s="91"/>
      <c r="H18" s="91"/>
      <c r="I18" s="91"/>
      <c r="J18" s="91"/>
      <c r="K18" s="91"/>
      <c r="L18" s="91"/>
      <c r="M18" s="91"/>
      <c r="N18" s="91"/>
      <c r="O18" s="91"/>
      <c r="P18" s="91"/>
      <c r="Q18" s="91"/>
      <c r="R18" s="91"/>
      <c r="S18" s="91"/>
      <c r="T18" s="91"/>
      <c r="U18" s="91"/>
      <c r="V18" s="91"/>
      <c r="W18" s="91"/>
      <c r="X18" s="91"/>
      <c r="Y18" s="91"/>
      <c r="Z18" s="91"/>
      <c r="AA18" s="91"/>
      <c r="AB18" s="91"/>
      <c r="AC18" s="91"/>
      <c r="AD18" s="91"/>
      <c r="AE18" s="91"/>
      <c r="AF18" s="91"/>
      <c r="AG18" s="91"/>
      <c r="AH18" s="114"/>
      <c r="AI18" s="370" t="s">
        <v>191</v>
      </c>
      <c r="AJ18" s="370"/>
      <c r="AK18" s="370"/>
      <c r="AL18" s="370"/>
      <c r="AM18" s="370"/>
      <c r="AN18" s="370"/>
      <c r="AO18" s="370"/>
      <c r="AP18" s="370"/>
      <c r="AQ18" s="370"/>
      <c r="AR18" s="370"/>
    </row>
    <row r="19" spans="1:44" ht="26.1" customHeight="1" x14ac:dyDescent="0.4">
      <c r="A19" s="316"/>
      <c r="B19" s="382"/>
      <c r="C19" s="103" t="s">
        <v>184</v>
      </c>
      <c r="D19" s="94"/>
      <c r="E19" s="91"/>
      <c r="F19" s="91"/>
      <c r="G19" s="91"/>
      <c r="H19" s="91"/>
      <c r="I19" s="91"/>
      <c r="J19" s="91"/>
      <c r="K19" s="91"/>
      <c r="L19" s="91"/>
      <c r="M19" s="91"/>
      <c r="N19" s="91"/>
      <c r="O19" s="91"/>
      <c r="P19" s="91"/>
      <c r="Q19" s="91"/>
      <c r="R19" s="91"/>
      <c r="S19" s="91"/>
      <c r="T19" s="91"/>
      <c r="U19" s="91"/>
      <c r="V19" s="91"/>
      <c r="W19" s="91"/>
      <c r="X19" s="91"/>
      <c r="Y19" s="91"/>
      <c r="Z19" s="91"/>
      <c r="AA19" s="91"/>
      <c r="AB19" s="91"/>
      <c r="AC19" s="91"/>
      <c r="AD19" s="91"/>
      <c r="AE19" s="91"/>
      <c r="AF19" s="91"/>
      <c r="AG19" s="91"/>
      <c r="AH19" s="114"/>
      <c r="AI19" s="370" t="s">
        <v>192</v>
      </c>
      <c r="AJ19" s="371"/>
      <c r="AK19" s="371"/>
      <c r="AL19" s="371"/>
      <c r="AM19" s="371"/>
      <c r="AN19" s="371"/>
      <c r="AO19" s="371"/>
      <c r="AP19" s="371"/>
      <c r="AQ19" s="371"/>
      <c r="AR19" s="371"/>
    </row>
    <row r="20" spans="1:44" ht="26.1" customHeight="1" x14ac:dyDescent="0.4">
      <c r="A20" s="316"/>
      <c r="B20" s="382"/>
      <c r="C20" s="103" t="s">
        <v>185</v>
      </c>
      <c r="D20" s="94"/>
      <c r="E20" s="91"/>
      <c r="F20" s="91"/>
      <c r="G20" s="91"/>
      <c r="H20" s="91"/>
      <c r="I20" s="91"/>
      <c r="J20" s="91"/>
      <c r="K20" s="91"/>
      <c r="L20" s="91"/>
      <c r="M20" s="91"/>
      <c r="N20" s="91"/>
      <c r="O20" s="91"/>
      <c r="P20" s="91"/>
      <c r="Q20" s="91"/>
      <c r="R20" s="91"/>
      <c r="S20" s="91"/>
      <c r="T20" s="91"/>
      <c r="U20" s="91"/>
      <c r="V20" s="91"/>
      <c r="W20" s="91"/>
      <c r="X20" s="91"/>
      <c r="Y20" s="91"/>
      <c r="Z20" s="91"/>
      <c r="AA20" s="91"/>
      <c r="AB20" s="91"/>
      <c r="AC20" s="91"/>
      <c r="AD20" s="91"/>
      <c r="AE20" s="91"/>
      <c r="AF20" s="91"/>
      <c r="AG20" s="91"/>
      <c r="AH20" s="114"/>
      <c r="AI20" s="370" t="s">
        <v>202</v>
      </c>
      <c r="AJ20" s="371"/>
      <c r="AK20" s="371"/>
      <c r="AL20" s="371"/>
      <c r="AM20" s="371"/>
      <c r="AN20" s="371"/>
      <c r="AO20" s="371"/>
      <c r="AP20" s="371"/>
      <c r="AQ20" s="371"/>
      <c r="AR20" s="371"/>
    </row>
    <row r="21" spans="1:44" ht="26.1" customHeight="1" x14ac:dyDescent="0.4">
      <c r="A21" s="316"/>
      <c r="B21" s="382"/>
      <c r="C21" s="103" t="s">
        <v>186</v>
      </c>
      <c r="D21" s="94"/>
      <c r="E21" s="91"/>
      <c r="F21" s="91"/>
      <c r="G21" s="91"/>
      <c r="H21" s="91"/>
      <c r="I21" s="91"/>
      <c r="J21" s="91"/>
      <c r="K21" s="91"/>
      <c r="L21" s="91"/>
      <c r="M21" s="91"/>
      <c r="N21" s="91"/>
      <c r="O21" s="91"/>
      <c r="P21" s="91"/>
      <c r="Q21" s="91"/>
      <c r="R21" s="91"/>
      <c r="S21" s="91"/>
      <c r="T21" s="91"/>
      <c r="U21" s="91"/>
      <c r="V21" s="91"/>
      <c r="W21" s="91"/>
      <c r="X21" s="91"/>
      <c r="Y21" s="91"/>
      <c r="Z21" s="91"/>
      <c r="AA21" s="91"/>
      <c r="AB21" s="91"/>
      <c r="AC21" s="91"/>
      <c r="AD21" s="91"/>
      <c r="AE21" s="91"/>
      <c r="AF21" s="91"/>
      <c r="AG21" s="91"/>
      <c r="AH21" s="114"/>
      <c r="AI21" s="370" t="s">
        <v>203</v>
      </c>
      <c r="AJ21" s="371"/>
      <c r="AK21" s="371"/>
      <c r="AL21" s="371"/>
      <c r="AM21" s="371"/>
      <c r="AN21" s="371"/>
      <c r="AO21" s="371"/>
      <c r="AP21" s="371"/>
      <c r="AQ21" s="371"/>
      <c r="AR21" s="371"/>
    </row>
    <row r="22" spans="1:44" ht="26.1" customHeight="1" x14ac:dyDescent="0.4">
      <c r="A22" s="316"/>
      <c r="B22" s="382"/>
      <c r="C22" s="103" t="s">
        <v>187</v>
      </c>
      <c r="D22" s="94"/>
      <c r="E22" s="91"/>
      <c r="F22" s="91"/>
      <c r="G22" s="91"/>
      <c r="H22" s="91"/>
      <c r="I22" s="91"/>
      <c r="J22" s="91"/>
      <c r="K22" s="91"/>
      <c r="L22" s="91"/>
      <c r="M22" s="91"/>
      <c r="N22" s="91"/>
      <c r="O22" s="91"/>
      <c r="P22" s="91"/>
      <c r="Q22" s="91"/>
      <c r="R22" s="91"/>
      <c r="S22" s="91"/>
      <c r="T22" s="91"/>
      <c r="U22" s="91"/>
      <c r="V22" s="91"/>
      <c r="W22" s="91"/>
      <c r="X22" s="91"/>
      <c r="Y22" s="91"/>
      <c r="Z22" s="91"/>
      <c r="AA22" s="91"/>
      <c r="AB22" s="91"/>
      <c r="AC22" s="91"/>
      <c r="AD22" s="91"/>
      <c r="AE22" s="91"/>
      <c r="AF22" s="91"/>
      <c r="AG22" s="91"/>
      <c r="AH22" s="114"/>
      <c r="AI22" s="384" t="s">
        <v>204</v>
      </c>
      <c r="AJ22" s="356"/>
      <c r="AK22" s="356"/>
      <c r="AL22" s="356"/>
      <c r="AM22" s="356"/>
      <c r="AN22" s="356"/>
      <c r="AO22" s="356"/>
      <c r="AP22" s="356"/>
      <c r="AQ22" s="356"/>
      <c r="AR22" s="356"/>
    </row>
    <row r="23" spans="1:44" ht="26.1" customHeight="1" thickBot="1" x14ac:dyDescent="0.45">
      <c r="A23" s="316"/>
      <c r="B23" s="382"/>
      <c r="C23" s="106" t="s">
        <v>188</v>
      </c>
      <c r="D23" s="117"/>
      <c r="E23" s="115"/>
      <c r="F23" s="115"/>
      <c r="G23" s="115"/>
      <c r="H23" s="115"/>
      <c r="I23" s="115"/>
      <c r="J23" s="115"/>
      <c r="K23" s="115"/>
      <c r="L23" s="115"/>
      <c r="M23" s="115"/>
      <c r="N23" s="115"/>
      <c r="O23" s="115"/>
      <c r="P23" s="115"/>
      <c r="Q23" s="115"/>
      <c r="R23" s="115"/>
      <c r="S23" s="115"/>
      <c r="T23" s="115"/>
      <c r="U23" s="115"/>
      <c r="V23" s="115"/>
      <c r="W23" s="115"/>
      <c r="X23" s="115"/>
      <c r="Y23" s="115"/>
      <c r="Z23" s="115"/>
      <c r="AA23" s="115"/>
      <c r="AB23" s="115"/>
      <c r="AC23" s="115"/>
      <c r="AD23" s="115"/>
      <c r="AE23" s="115"/>
      <c r="AF23" s="115"/>
      <c r="AG23" s="115"/>
      <c r="AH23" s="116"/>
      <c r="AI23" s="385"/>
      <c r="AJ23" s="385"/>
      <c r="AK23" s="385"/>
      <c r="AL23" s="385"/>
      <c r="AM23" s="385"/>
      <c r="AN23" s="385"/>
      <c r="AO23" s="385"/>
      <c r="AP23" s="385"/>
      <c r="AQ23" s="385"/>
      <c r="AR23" s="385"/>
    </row>
    <row r="24" spans="1:44" ht="26.1" customHeight="1" thickTop="1" x14ac:dyDescent="0.4">
      <c r="A24" s="316"/>
      <c r="B24" s="382"/>
      <c r="C24" s="110" t="s">
        <v>94</v>
      </c>
      <c r="D24" s="86"/>
      <c r="E24" s="95"/>
      <c r="F24" s="95"/>
      <c r="G24" s="95"/>
      <c r="H24" s="95"/>
      <c r="I24" s="95"/>
      <c r="J24" s="95"/>
      <c r="K24" s="95"/>
      <c r="L24" s="95"/>
      <c r="M24" s="95"/>
      <c r="N24" s="95"/>
      <c r="O24" s="95"/>
      <c r="P24" s="95"/>
      <c r="Q24" s="95"/>
      <c r="R24" s="95"/>
      <c r="S24" s="95"/>
      <c r="T24" s="95"/>
      <c r="U24" s="95"/>
      <c r="V24" s="95"/>
      <c r="W24" s="95"/>
      <c r="X24" s="95"/>
      <c r="Y24" s="95"/>
      <c r="Z24" s="95"/>
      <c r="AA24" s="95"/>
      <c r="AB24" s="95"/>
      <c r="AC24" s="95"/>
      <c r="AD24" s="95"/>
      <c r="AE24" s="95"/>
      <c r="AF24" s="95"/>
      <c r="AG24" s="95"/>
      <c r="AH24" s="113"/>
      <c r="AI24" s="385"/>
      <c r="AJ24" s="385"/>
      <c r="AK24" s="385"/>
      <c r="AL24" s="385"/>
      <c r="AM24" s="385"/>
      <c r="AN24" s="385"/>
      <c r="AO24" s="385"/>
      <c r="AP24" s="385"/>
      <c r="AQ24" s="385"/>
      <c r="AR24" s="385"/>
    </row>
    <row r="25" spans="1:44" ht="18" customHeight="1" x14ac:dyDescent="0.4">
      <c r="A25" s="316"/>
      <c r="B25" s="10" t="s">
        <v>196</v>
      </c>
    </row>
    <row r="26" spans="1:44" ht="18" customHeight="1" x14ac:dyDescent="0.4">
      <c r="A26" s="316"/>
      <c r="B26" s="10" t="s">
        <v>197</v>
      </c>
    </row>
    <row r="27" spans="1:44" ht="18" customHeight="1" x14ac:dyDescent="0.4">
      <c r="A27" s="316"/>
      <c r="B27" s="10" t="s">
        <v>198</v>
      </c>
    </row>
  </sheetData>
  <mergeCells count="27">
    <mergeCell ref="A1:A27"/>
    <mergeCell ref="AR3:AR4"/>
    <mergeCell ref="AE2:AG2"/>
    <mergeCell ref="AL2:AO2"/>
    <mergeCell ref="B3:B4"/>
    <mergeCell ref="AI3:AP3"/>
    <mergeCell ref="AQ3:AQ4"/>
    <mergeCell ref="B16:B24"/>
    <mergeCell ref="B5:C5"/>
    <mergeCell ref="B6:C6"/>
    <mergeCell ref="B7:C7"/>
    <mergeCell ref="B8:C8"/>
    <mergeCell ref="B9:C9"/>
    <mergeCell ref="B10:C10"/>
    <mergeCell ref="B11:C11"/>
    <mergeCell ref="B12:C12"/>
    <mergeCell ref="B13:C13"/>
    <mergeCell ref="B14:C14"/>
    <mergeCell ref="B15:C15"/>
    <mergeCell ref="AI23:AR23"/>
    <mergeCell ref="AI24:AR24"/>
    <mergeCell ref="AI16:AR17"/>
    <mergeCell ref="AI18:AR18"/>
    <mergeCell ref="AI19:AR19"/>
    <mergeCell ref="AI20:AR20"/>
    <mergeCell ref="AI21:AR21"/>
    <mergeCell ref="AI22:AR22"/>
  </mergeCells>
  <phoneticPr fontId="2"/>
  <printOptions horizontalCentered="1"/>
  <pageMargins left="0.39370078740157483" right="0.39370078740157483" top="0.39370078740157483" bottom="0.39370078740157483" header="0.19685039370078741" footer="0.19685039370078741"/>
  <pageSetup paperSize="9" scale="75" fitToHeight="0" orientation="landscape" r:id="rId1"/>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FA13C72-6201-48BD-96D9-7EE379F1E87D}">
  <dimension ref="A69:N570"/>
  <sheetViews>
    <sheetView showGridLines="0" view="pageBreakPreview" zoomScaleNormal="100" zoomScaleSheetLayoutView="100" workbookViewId="0">
      <selection activeCell="C73" sqref="C73"/>
    </sheetView>
  </sheetViews>
  <sheetFormatPr defaultRowHeight="13.5" x14ac:dyDescent="0.4"/>
  <cols>
    <col min="1" max="1" width="16.625" style="2" customWidth="1"/>
    <col min="2" max="2" width="63.625" style="2" customWidth="1"/>
    <col min="3" max="5" width="5.625" style="1" customWidth="1"/>
    <col min="6" max="6" width="1.625" style="1" hidden="1" customWidth="1"/>
    <col min="7" max="7" width="31.625" style="2" customWidth="1"/>
    <col min="8" max="8" width="20.625" style="2" customWidth="1"/>
    <col min="9" max="9" width="19.625" style="2" customWidth="1"/>
    <col min="10" max="10" width="16.625" style="2" customWidth="1"/>
    <col min="11" max="12" width="3.625" style="1" customWidth="1"/>
    <col min="13" max="13" width="4.125" style="172" customWidth="1"/>
    <col min="14" max="14" width="0" style="1" hidden="1" customWidth="1"/>
    <col min="15" max="16384" width="9" style="1"/>
  </cols>
  <sheetData>
    <row r="69" spans="1:14" ht="18.75" customHeight="1" x14ac:dyDescent="0.4">
      <c r="A69" s="411" t="s">
        <v>205</v>
      </c>
      <c r="B69" s="398" t="s">
        <v>206</v>
      </c>
      <c r="C69" s="417" t="s">
        <v>207</v>
      </c>
      <c r="D69" s="417"/>
      <c r="E69" s="417"/>
      <c r="F69" s="9"/>
      <c r="G69" s="445" t="s">
        <v>208</v>
      </c>
      <c r="H69" s="398" t="s">
        <v>209</v>
      </c>
      <c r="I69" s="398" t="s">
        <v>210</v>
      </c>
      <c r="J69" s="398" t="s">
        <v>211</v>
      </c>
      <c r="K69" s="441" t="s">
        <v>212</v>
      </c>
      <c r="L69" s="442"/>
      <c r="M69" s="391"/>
      <c r="N69" s="392"/>
    </row>
    <row r="70" spans="1:14" ht="14.1" customHeight="1" x14ac:dyDescent="0.4">
      <c r="A70" s="412"/>
      <c r="B70" s="398"/>
      <c r="C70" s="119" t="s">
        <v>213</v>
      </c>
      <c r="D70" s="119" t="s">
        <v>214</v>
      </c>
      <c r="E70" s="415" t="s">
        <v>215</v>
      </c>
      <c r="F70" s="9"/>
      <c r="G70" s="446"/>
      <c r="H70" s="398"/>
      <c r="I70" s="398"/>
      <c r="J70" s="398"/>
      <c r="K70" s="415" t="s">
        <v>216</v>
      </c>
      <c r="L70" s="443" t="s">
        <v>217</v>
      </c>
      <c r="M70" s="391"/>
      <c r="N70" s="392"/>
    </row>
    <row r="71" spans="1:14" ht="14.1" customHeight="1" x14ac:dyDescent="0.4">
      <c r="A71" s="413"/>
      <c r="B71" s="398"/>
      <c r="C71" s="118" t="s">
        <v>218</v>
      </c>
      <c r="D71" s="118" t="s">
        <v>219</v>
      </c>
      <c r="E71" s="416"/>
      <c r="F71" s="9"/>
      <c r="G71" s="447"/>
      <c r="H71" s="398"/>
      <c r="I71" s="398"/>
      <c r="J71" s="398"/>
      <c r="K71" s="416"/>
      <c r="L71" s="444"/>
      <c r="M71" s="275"/>
      <c r="N71" s="276"/>
    </row>
    <row r="72" spans="1:14" ht="20.100000000000001" customHeight="1" x14ac:dyDescent="0.4">
      <c r="A72" s="418" t="s">
        <v>220</v>
      </c>
      <c r="B72" s="419"/>
      <c r="C72" s="419"/>
      <c r="D72" s="419"/>
      <c r="E72" s="420"/>
      <c r="G72" s="395"/>
      <c r="H72" s="396"/>
      <c r="I72" s="396"/>
      <c r="J72" s="396"/>
      <c r="K72" s="396"/>
      <c r="L72" s="397"/>
    </row>
    <row r="73" spans="1:14" ht="99" customHeight="1" x14ac:dyDescent="0.4">
      <c r="A73" s="141" t="s">
        <v>221</v>
      </c>
      <c r="B73" s="121" t="s">
        <v>222</v>
      </c>
      <c r="C73" s="147" t="s">
        <v>223</v>
      </c>
      <c r="D73" s="149" t="s">
        <v>223</v>
      </c>
      <c r="E73" s="126"/>
      <c r="G73" s="4" t="s">
        <v>1164</v>
      </c>
      <c r="H73" s="141"/>
      <c r="I73" s="5" t="s">
        <v>224</v>
      </c>
      <c r="J73" s="144" t="s">
        <v>954</v>
      </c>
      <c r="K73" s="149" t="s">
        <v>223</v>
      </c>
      <c r="L73" s="149" t="s">
        <v>223</v>
      </c>
    </row>
    <row r="74" spans="1:14" ht="25.5" customHeight="1" x14ac:dyDescent="0.4">
      <c r="A74" s="142"/>
      <c r="B74" s="121" t="s">
        <v>225</v>
      </c>
      <c r="C74" s="148" t="s">
        <v>223</v>
      </c>
      <c r="D74" s="150" t="s">
        <v>223</v>
      </c>
      <c r="E74" s="126"/>
      <c r="F74" s="120"/>
      <c r="G74" s="400" t="s">
        <v>1207</v>
      </c>
      <c r="H74" s="401"/>
      <c r="I74" s="399" t="s">
        <v>226</v>
      </c>
      <c r="J74" s="401"/>
      <c r="K74" s="414" t="s">
        <v>223</v>
      </c>
      <c r="L74" s="414" t="s">
        <v>223</v>
      </c>
    </row>
    <row r="75" spans="1:14" s="2" customFormat="1" ht="129" customHeight="1" x14ac:dyDescent="0.4">
      <c r="A75" s="142"/>
      <c r="B75" s="171" t="s">
        <v>908</v>
      </c>
      <c r="C75" s="120"/>
      <c r="D75" s="120"/>
      <c r="E75" s="126"/>
      <c r="F75" s="120"/>
      <c r="G75" s="400"/>
      <c r="H75" s="401"/>
      <c r="I75" s="399"/>
      <c r="J75" s="401"/>
      <c r="K75" s="414"/>
      <c r="L75" s="414"/>
      <c r="M75" s="121"/>
    </row>
    <row r="76" spans="1:14" ht="37.5" customHeight="1" x14ac:dyDescent="0.4">
      <c r="A76" s="142"/>
      <c r="B76" s="121" t="s">
        <v>227</v>
      </c>
      <c r="C76" s="148" t="s">
        <v>223</v>
      </c>
      <c r="D76" s="150" t="s">
        <v>223</v>
      </c>
      <c r="E76" s="126"/>
      <c r="G76" s="4" t="s">
        <v>905</v>
      </c>
      <c r="H76" s="145" t="s">
        <v>228</v>
      </c>
      <c r="I76" s="5" t="s">
        <v>229</v>
      </c>
      <c r="J76" s="145"/>
      <c r="K76" s="150" t="s">
        <v>223</v>
      </c>
      <c r="L76" s="150" t="s">
        <v>223</v>
      </c>
    </row>
    <row r="77" spans="1:14" ht="42" customHeight="1" x14ac:dyDescent="0.4">
      <c r="A77" s="142"/>
      <c r="B77" s="121" t="s">
        <v>230</v>
      </c>
      <c r="C77" s="148" t="s">
        <v>223</v>
      </c>
      <c r="D77" s="150" t="s">
        <v>223</v>
      </c>
      <c r="E77" s="126"/>
      <c r="G77" s="4"/>
      <c r="H77" s="145"/>
      <c r="I77" s="5"/>
      <c r="J77" s="145"/>
      <c r="K77" s="150" t="s">
        <v>223</v>
      </c>
      <c r="L77" s="150" t="s">
        <v>223</v>
      </c>
    </row>
    <row r="78" spans="1:14" ht="52.5" customHeight="1" x14ac:dyDescent="0.4">
      <c r="A78" s="142"/>
      <c r="B78" s="121" t="s">
        <v>231</v>
      </c>
      <c r="C78" s="148" t="s">
        <v>223</v>
      </c>
      <c r="D78" s="150" t="s">
        <v>223</v>
      </c>
      <c r="E78" s="126"/>
      <c r="F78" s="120"/>
      <c r="G78" s="4" t="s">
        <v>1165</v>
      </c>
      <c r="H78" s="145"/>
      <c r="I78" s="5" t="s">
        <v>232</v>
      </c>
      <c r="J78" s="145"/>
      <c r="K78" s="150" t="s">
        <v>223</v>
      </c>
      <c r="L78" s="150" t="s">
        <v>223</v>
      </c>
    </row>
    <row r="79" spans="1:14" ht="24" customHeight="1" x14ac:dyDescent="0.4">
      <c r="A79" s="142"/>
      <c r="B79" s="202" t="s">
        <v>233</v>
      </c>
      <c r="C79" s="148" t="s">
        <v>223</v>
      </c>
      <c r="D79" s="150" t="s">
        <v>223</v>
      </c>
      <c r="E79" s="126"/>
      <c r="F79" s="120"/>
      <c r="G79" s="4" t="s">
        <v>1166</v>
      </c>
      <c r="H79" s="145"/>
      <c r="I79" s="431" t="s">
        <v>1125</v>
      </c>
      <c r="J79" s="408"/>
      <c r="K79" s="150" t="s">
        <v>223</v>
      </c>
      <c r="L79" s="150" t="s">
        <v>223</v>
      </c>
      <c r="M79" s="172" t="s">
        <v>934</v>
      </c>
      <c r="N79" s="1" t="s">
        <v>933</v>
      </c>
    </row>
    <row r="80" spans="1:14" ht="210.75" customHeight="1" x14ac:dyDescent="0.4">
      <c r="A80" s="142"/>
      <c r="B80" s="121"/>
      <c r="C80" s="120"/>
      <c r="D80" s="120"/>
      <c r="E80" s="126"/>
      <c r="F80" s="120"/>
      <c r="G80" s="4" t="s">
        <v>1167</v>
      </c>
      <c r="H80" s="145"/>
      <c r="I80" s="428"/>
      <c r="J80" s="408"/>
      <c r="K80" s="150"/>
      <c r="L80" s="150"/>
    </row>
    <row r="81" spans="1:14" ht="210.75" customHeight="1" x14ac:dyDescent="0.4">
      <c r="A81" s="143"/>
      <c r="B81" s="128"/>
      <c r="C81" s="129"/>
      <c r="D81" s="129"/>
      <c r="E81" s="130"/>
      <c r="F81" s="120"/>
      <c r="G81" s="8" t="s">
        <v>1126</v>
      </c>
      <c r="H81" s="146"/>
      <c r="I81" s="6" t="s">
        <v>1127</v>
      </c>
      <c r="J81" s="146"/>
      <c r="K81" s="151"/>
      <c r="L81" s="151"/>
    </row>
    <row r="82" spans="1:14" ht="69.95" customHeight="1" x14ac:dyDescent="0.4">
      <c r="A82" s="141"/>
      <c r="B82" s="132" t="s">
        <v>234</v>
      </c>
      <c r="C82" s="149" t="s">
        <v>223</v>
      </c>
      <c r="D82" s="149" t="s">
        <v>223</v>
      </c>
      <c r="E82" s="149"/>
      <c r="G82" s="135" t="s">
        <v>235</v>
      </c>
      <c r="H82" s="144"/>
      <c r="I82" s="136" t="s">
        <v>236</v>
      </c>
      <c r="J82" s="144"/>
      <c r="K82" s="149" t="s">
        <v>223</v>
      </c>
      <c r="L82" s="149" t="s">
        <v>223</v>
      </c>
    </row>
    <row r="83" spans="1:14" ht="69.95" customHeight="1" x14ac:dyDescent="0.4">
      <c r="A83" s="142"/>
      <c r="B83" s="121" t="s">
        <v>237</v>
      </c>
      <c r="C83" s="150" t="s">
        <v>223</v>
      </c>
      <c r="D83" s="150" t="s">
        <v>223</v>
      </c>
      <c r="E83" s="150"/>
      <c r="G83" s="4" t="s">
        <v>1168</v>
      </c>
      <c r="H83" s="145"/>
      <c r="I83" s="5"/>
      <c r="J83" s="145"/>
      <c r="K83" s="150" t="s">
        <v>223</v>
      </c>
      <c r="L83" s="150" t="s">
        <v>223</v>
      </c>
    </row>
    <row r="84" spans="1:14" ht="111" customHeight="1" x14ac:dyDescent="0.4">
      <c r="A84" s="142"/>
      <c r="B84" s="202" t="s">
        <v>1108</v>
      </c>
      <c r="C84" s="150" t="s">
        <v>223</v>
      </c>
      <c r="D84" s="150" t="s">
        <v>223</v>
      </c>
      <c r="E84" s="150"/>
      <c r="G84" s="4" t="s">
        <v>1169</v>
      </c>
      <c r="H84" s="145"/>
      <c r="I84" s="5" t="s">
        <v>238</v>
      </c>
      <c r="J84" s="145"/>
      <c r="K84" s="150" t="s">
        <v>223</v>
      </c>
      <c r="L84" s="150" t="s">
        <v>223</v>
      </c>
      <c r="M84" s="172" t="s">
        <v>934</v>
      </c>
      <c r="N84" s="1" t="s">
        <v>935</v>
      </c>
    </row>
    <row r="85" spans="1:14" ht="93.75" customHeight="1" x14ac:dyDescent="0.4">
      <c r="A85" s="142"/>
      <c r="B85" s="202" t="s">
        <v>1147</v>
      </c>
      <c r="C85" s="150" t="s">
        <v>223</v>
      </c>
      <c r="D85" s="150" t="s">
        <v>223</v>
      </c>
      <c r="E85" s="150"/>
      <c r="F85" s="120"/>
      <c r="G85" s="4"/>
      <c r="H85" s="145"/>
      <c r="I85" s="5" t="s">
        <v>1101</v>
      </c>
      <c r="J85" s="145"/>
      <c r="K85" s="150" t="s">
        <v>223</v>
      </c>
      <c r="L85" s="150" t="s">
        <v>223</v>
      </c>
      <c r="M85" s="172" t="s">
        <v>934</v>
      </c>
      <c r="N85" s="1" t="s">
        <v>935</v>
      </c>
    </row>
    <row r="86" spans="1:14" ht="120" customHeight="1" x14ac:dyDescent="0.4">
      <c r="A86" s="142"/>
      <c r="B86" s="121" t="s">
        <v>239</v>
      </c>
      <c r="C86" s="150" t="s">
        <v>223</v>
      </c>
      <c r="D86" s="150" t="s">
        <v>223</v>
      </c>
      <c r="E86" s="150"/>
      <c r="F86" s="120"/>
      <c r="G86" s="4" t="s">
        <v>1170</v>
      </c>
      <c r="H86" s="145"/>
      <c r="I86" s="5" t="s">
        <v>240</v>
      </c>
      <c r="J86" s="145"/>
      <c r="K86" s="150" t="s">
        <v>223</v>
      </c>
      <c r="L86" s="150" t="s">
        <v>223</v>
      </c>
    </row>
    <row r="87" spans="1:14" ht="97.5" customHeight="1" x14ac:dyDescent="0.4">
      <c r="A87" s="142"/>
      <c r="B87" s="121" t="s">
        <v>241</v>
      </c>
      <c r="C87" s="150" t="s">
        <v>223</v>
      </c>
      <c r="D87" s="150" t="s">
        <v>223</v>
      </c>
      <c r="E87" s="150"/>
      <c r="F87" s="120"/>
      <c r="G87" s="4"/>
      <c r="H87" s="145" t="s">
        <v>242</v>
      </c>
      <c r="I87" s="5" t="s">
        <v>243</v>
      </c>
      <c r="J87" s="145"/>
      <c r="K87" s="150" t="s">
        <v>223</v>
      </c>
      <c r="L87" s="150" t="s">
        <v>223</v>
      </c>
    </row>
    <row r="88" spans="1:14" ht="69.95" customHeight="1" x14ac:dyDescent="0.4">
      <c r="A88" s="142"/>
      <c r="B88" s="121" t="s">
        <v>244</v>
      </c>
      <c r="C88" s="150" t="s">
        <v>223</v>
      </c>
      <c r="D88" s="150" t="s">
        <v>223</v>
      </c>
      <c r="E88" s="150"/>
      <c r="F88" s="120"/>
      <c r="G88" s="4" t="s">
        <v>1171</v>
      </c>
      <c r="H88" s="145"/>
      <c r="I88" s="5" t="s">
        <v>245</v>
      </c>
      <c r="J88" s="145"/>
      <c r="K88" s="150" t="s">
        <v>223</v>
      </c>
      <c r="L88" s="150" t="s">
        <v>223</v>
      </c>
    </row>
    <row r="89" spans="1:14" ht="90" customHeight="1" x14ac:dyDescent="0.4">
      <c r="A89" s="142"/>
      <c r="B89" s="121"/>
      <c r="C89" s="150"/>
      <c r="D89" s="150"/>
      <c r="E89" s="150"/>
      <c r="F89" s="120"/>
      <c r="G89" s="4"/>
      <c r="H89" s="145"/>
      <c r="I89" s="5"/>
      <c r="J89" s="145"/>
      <c r="K89" s="150"/>
      <c r="L89" s="150"/>
    </row>
    <row r="90" spans="1:14" ht="120" customHeight="1" x14ac:dyDescent="0.4">
      <c r="A90" s="143"/>
      <c r="B90" s="128"/>
      <c r="C90" s="151"/>
      <c r="D90" s="151"/>
      <c r="E90" s="151"/>
      <c r="F90" s="120"/>
      <c r="G90" s="8"/>
      <c r="H90" s="146"/>
      <c r="I90" s="6"/>
      <c r="J90" s="146"/>
      <c r="K90" s="168"/>
      <c r="L90" s="168"/>
    </row>
    <row r="91" spans="1:14" ht="141.75" customHeight="1" x14ac:dyDescent="0.4">
      <c r="A91" s="141" t="s">
        <v>246</v>
      </c>
      <c r="B91" s="132" t="s">
        <v>247</v>
      </c>
      <c r="C91" s="149" t="s">
        <v>223</v>
      </c>
      <c r="D91" s="149" t="s">
        <v>223</v>
      </c>
      <c r="E91" s="149"/>
      <c r="F91" s="3"/>
      <c r="G91" s="135"/>
      <c r="H91" s="144"/>
      <c r="I91" s="136"/>
      <c r="J91" s="144" t="s">
        <v>955</v>
      </c>
      <c r="K91" s="149" t="s">
        <v>223</v>
      </c>
      <c r="L91" s="149" t="s">
        <v>223</v>
      </c>
    </row>
    <row r="92" spans="1:14" ht="63.75" customHeight="1" x14ac:dyDescent="0.4">
      <c r="A92" s="142"/>
      <c r="B92" s="121" t="s">
        <v>248</v>
      </c>
      <c r="C92" s="150" t="s">
        <v>223</v>
      </c>
      <c r="D92" s="150" t="s">
        <v>223</v>
      </c>
      <c r="E92" s="150"/>
      <c r="F92" s="120"/>
      <c r="G92" s="4"/>
      <c r="H92" s="145"/>
      <c r="I92" s="5"/>
      <c r="J92" s="145"/>
      <c r="K92" s="150" t="s">
        <v>223</v>
      </c>
      <c r="L92" s="150" t="s">
        <v>223</v>
      </c>
    </row>
    <row r="93" spans="1:14" ht="62.25" customHeight="1" x14ac:dyDescent="0.4">
      <c r="A93" s="142" t="s">
        <v>249</v>
      </c>
      <c r="B93" s="202" t="s">
        <v>929</v>
      </c>
      <c r="C93" s="150" t="s">
        <v>223</v>
      </c>
      <c r="D93" s="150" t="s">
        <v>223</v>
      </c>
      <c r="E93" s="150"/>
      <c r="F93" s="120"/>
      <c r="G93" s="4" t="s">
        <v>1172</v>
      </c>
      <c r="H93" s="145" t="s">
        <v>250</v>
      </c>
      <c r="I93" s="5" t="s">
        <v>251</v>
      </c>
      <c r="J93" s="408" t="s">
        <v>956</v>
      </c>
      <c r="K93" s="150" t="s">
        <v>223</v>
      </c>
      <c r="L93" s="150" t="s">
        <v>223</v>
      </c>
      <c r="M93" s="172" t="s">
        <v>934</v>
      </c>
      <c r="N93" s="1" t="s">
        <v>936</v>
      </c>
    </row>
    <row r="94" spans="1:14" ht="129" customHeight="1" x14ac:dyDescent="0.4">
      <c r="A94" s="142"/>
      <c r="B94" s="202" t="s">
        <v>1132</v>
      </c>
      <c r="C94" s="150" t="s">
        <v>223</v>
      </c>
      <c r="D94" s="150" t="s">
        <v>223</v>
      </c>
      <c r="E94" s="150"/>
      <c r="F94" s="3"/>
      <c r="G94" s="4" t="s">
        <v>1173</v>
      </c>
      <c r="H94" s="145"/>
      <c r="I94" s="5"/>
      <c r="J94" s="409"/>
      <c r="K94" s="150" t="s">
        <v>223</v>
      </c>
      <c r="L94" s="150" t="s">
        <v>223</v>
      </c>
      <c r="M94" s="172" t="s">
        <v>934</v>
      </c>
      <c r="N94" s="1" t="s">
        <v>936</v>
      </c>
    </row>
    <row r="95" spans="1:14" ht="62.25" customHeight="1" x14ac:dyDescent="0.4">
      <c r="A95" s="142"/>
      <c r="B95" s="202" t="s">
        <v>930</v>
      </c>
      <c r="C95" s="150" t="s">
        <v>223</v>
      </c>
      <c r="D95" s="150" t="s">
        <v>223</v>
      </c>
      <c r="E95" s="150"/>
      <c r="F95" s="3"/>
      <c r="G95" s="400"/>
      <c r="H95" s="145" t="s">
        <v>1051</v>
      </c>
      <c r="I95" s="5" t="s">
        <v>252</v>
      </c>
      <c r="J95" s="145"/>
      <c r="K95" s="150" t="s">
        <v>223</v>
      </c>
      <c r="L95" s="150" t="s">
        <v>223</v>
      </c>
      <c r="M95" s="172" t="s">
        <v>934</v>
      </c>
      <c r="N95" s="1" t="s">
        <v>936</v>
      </c>
    </row>
    <row r="96" spans="1:14" ht="94.5" customHeight="1" x14ac:dyDescent="0.4">
      <c r="A96" s="142"/>
      <c r="B96" s="202" t="s">
        <v>1121</v>
      </c>
      <c r="C96" s="150" t="s">
        <v>223</v>
      </c>
      <c r="D96" s="150" t="s">
        <v>223</v>
      </c>
      <c r="E96" s="150"/>
      <c r="F96" s="3"/>
      <c r="G96" s="400"/>
      <c r="H96" s="145"/>
      <c r="I96" s="5"/>
      <c r="J96" s="145"/>
      <c r="K96" s="150" t="s">
        <v>223</v>
      </c>
      <c r="L96" s="150" t="s">
        <v>223</v>
      </c>
      <c r="M96" s="172" t="s">
        <v>934</v>
      </c>
      <c r="N96" s="1" t="s">
        <v>936</v>
      </c>
    </row>
    <row r="97" spans="1:14" ht="40.5" customHeight="1" x14ac:dyDescent="0.4">
      <c r="A97" s="142"/>
      <c r="B97" s="202" t="s">
        <v>931</v>
      </c>
      <c r="C97" s="150" t="s">
        <v>223</v>
      </c>
      <c r="D97" s="150" t="s">
        <v>223</v>
      </c>
      <c r="E97" s="150"/>
      <c r="F97" s="3"/>
      <c r="G97" s="4" t="s">
        <v>1174</v>
      </c>
      <c r="H97" s="145" t="s">
        <v>253</v>
      </c>
      <c r="I97" s="5" t="s">
        <v>254</v>
      </c>
      <c r="J97" s="145"/>
      <c r="K97" s="150" t="s">
        <v>223</v>
      </c>
      <c r="L97" s="150" t="s">
        <v>223</v>
      </c>
      <c r="M97" s="172" t="s">
        <v>934</v>
      </c>
      <c r="N97" s="1" t="s">
        <v>936</v>
      </c>
    </row>
    <row r="98" spans="1:14" ht="43.5" customHeight="1" x14ac:dyDescent="0.4">
      <c r="A98" s="142"/>
      <c r="B98" s="202" t="s">
        <v>255</v>
      </c>
      <c r="C98" s="150" t="s">
        <v>223</v>
      </c>
      <c r="D98" s="150" t="s">
        <v>223</v>
      </c>
      <c r="E98" s="150"/>
      <c r="F98" s="3"/>
      <c r="G98" s="4" t="s">
        <v>1175</v>
      </c>
      <c r="H98" s="145"/>
      <c r="I98" s="4"/>
      <c r="J98" s="145"/>
      <c r="K98" s="150" t="s">
        <v>223</v>
      </c>
      <c r="L98" s="150" t="s">
        <v>223</v>
      </c>
      <c r="M98" s="172" t="s">
        <v>934</v>
      </c>
      <c r="N98" s="1" t="s">
        <v>936</v>
      </c>
    </row>
    <row r="99" spans="1:14" ht="52.5" customHeight="1" x14ac:dyDescent="0.4">
      <c r="A99" s="142"/>
      <c r="B99" s="202" t="s">
        <v>256</v>
      </c>
      <c r="C99" s="150" t="s">
        <v>223</v>
      </c>
      <c r="D99" s="150" t="s">
        <v>223</v>
      </c>
      <c r="E99" s="150"/>
      <c r="F99" s="3"/>
      <c r="G99" s="4" t="s">
        <v>1176</v>
      </c>
      <c r="H99" s="145" t="s">
        <v>257</v>
      </c>
      <c r="I99" s="400" t="s">
        <v>1102</v>
      </c>
      <c r="J99" s="431"/>
      <c r="K99" s="150" t="s">
        <v>223</v>
      </c>
      <c r="L99" s="150" t="s">
        <v>223</v>
      </c>
      <c r="M99" s="172" t="s">
        <v>934</v>
      </c>
      <c r="N99" s="1" t="s">
        <v>936</v>
      </c>
    </row>
    <row r="100" spans="1:14" ht="35.25" customHeight="1" x14ac:dyDescent="0.4">
      <c r="A100" s="142"/>
      <c r="B100" s="202" t="s">
        <v>258</v>
      </c>
      <c r="C100" s="150" t="s">
        <v>223</v>
      </c>
      <c r="D100" s="150" t="s">
        <v>223</v>
      </c>
      <c r="E100" s="150"/>
      <c r="F100" s="3"/>
      <c r="G100" s="4"/>
      <c r="H100" s="145"/>
      <c r="I100" s="400"/>
      <c r="J100" s="431"/>
      <c r="K100" s="150" t="s">
        <v>223</v>
      </c>
      <c r="L100" s="150" t="s">
        <v>223</v>
      </c>
      <c r="M100" s="172" t="s">
        <v>934</v>
      </c>
      <c r="N100" s="1" t="s">
        <v>936</v>
      </c>
    </row>
    <row r="101" spans="1:14" ht="45" customHeight="1" x14ac:dyDescent="0.4">
      <c r="A101" s="142"/>
      <c r="B101" s="202" t="s">
        <v>259</v>
      </c>
      <c r="C101" s="150" t="s">
        <v>223</v>
      </c>
      <c r="D101" s="150" t="s">
        <v>223</v>
      </c>
      <c r="E101" s="150"/>
      <c r="F101" s="120"/>
      <c r="G101" s="4" t="s">
        <v>1177</v>
      </c>
      <c r="H101" s="145" t="s">
        <v>1208</v>
      </c>
      <c r="I101" s="145"/>
      <c r="J101" s="145"/>
      <c r="K101" s="150" t="s">
        <v>223</v>
      </c>
      <c r="L101" s="150" t="s">
        <v>223</v>
      </c>
      <c r="M101" s="172" t="s">
        <v>934</v>
      </c>
      <c r="N101" s="1" t="s">
        <v>936</v>
      </c>
    </row>
    <row r="102" spans="1:14" ht="84" customHeight="1" x14ac:dyDescent="0.4">
      <c r="A102" s="143"/>
      <c r="B102" s="264"/>
      <c r="C102" s="151"/>
      <c r="D102" s="151"/>
      <c r="E102" s="151"/>
      <c r="F102" s="3"/>
      <c r="G102" s="265"/>
      <c r="H102" s="265"/>
      <c r="I102" s="146"/>
      <c r="J102" s="146"/>
      <c r="K102" s="151"/>
      <c r="L102" s="151"/>
    </row>
    <row r="103" spans="1:14" ht="120" customHeight="1" x14ac:dyDescent="0.4">
      <c r="A103" s="141" t="s">
        <v>260</v>
      </c>
      <c r="B103" s="132" t="s">
        <v>261</v>
      </c>
      <c r="C103" s="149" t="s">
        <v>223</v>
      </c>
      <c r="D103" s="149" t="s">
        <v>223</v>
      </c>
      <c r="E103" s="149"/>
      <c r="F103" s="3"/>
      <c r="G103" s="135" t="s">
        <v>262</v>
      </c>
      <c r="H103" s="144" t="s">
        <v>263</v>
      </c>
      <c r="I103" s="136" t="s">
        <v>264</v>
      </c>
      <c r="J103" s="144" t="s">
        <v>957</v>
      </c>
      <c r="K103" s="149" t="s">
        <v>223</v>
      </c>
      <c r="L103" s="149" t="s">
        <v>223</v>
      </c>
    </row>
    <row r="104" spans="1:14" ht="120" customHeight="1" x14ac:dyDescent="0.4">
      <c r="A104" s="142"/>
      <c r="B104" s="121" t="s">
        <v>265</v>
      </c>
      <c r="C104" s="150" t="s">
        <v>223</v>
      </c>
      <c r="D104" s="150" t="s">
        <v>223</v>
      </c>
      <c r="E104" s="150"/>
      <c r="F104" s="120"/>
      <c r="G104" s="4" t="s">
        <v>1178</v>
      </c>
      <c r="H104" s="145" t="s">
        <v>266</v>
      </c>
      <c r="I104" s="5" t="s">
        <v>267</v>
      </c>
      <c r="J104" s="145"/>
      <c r="K104" s="150" t="s">
        <v>223</v>
      </c>
      <c r="L104" s="150" t="s">
        <v>223</v>
      </c>
    </row>
    <row r="105" spans="1:14" ht="150" customHeight="1" x14ac:dyDescent="0.4">
      <c r="A105" s="142"/>
      <c r="B105" s="121" t="s">
        <v>1109</v>
      </c>
      <c r="C105" s="150" t="s">
        <v>223</v>
      </c>
      <c r="D105" s="150" t="s">
        <v>223</v>
      </c>
      <c r="E105" s="150"/>
      <c r="F105" s="3"/>
      <c r="G105" s="4" t="s">
        <v>1179</v>
      </c>
      <c r="H105" s="145"/>
      <c r="I105" s="5"/>
      <c r="J105" s="145"/>
      <c r="K105" s="150" t="s">
        <v>223</v>
      </c>
      <c r="L105" s="150" t="s">
        <v>223</v>
      </c>
    </row>
    <row r="106" spans="1:14" ht="249.95" customHeight="1" x14ac:dyDescent="0.4">
      <c r="A106" s="142" t="s">
        <v>268</v>
      </c>
      <c r="B106" s="121" t="s">
        <v>269</v>
      </c>
      <c r="C106" s="150" t="s">
        <v>223</v>
      </c>
      <c r="D106" s="150" t="s">
        <v>223</v>
      </c>
      <c r="E106" s="150"/>
      <c r="F106" s="3"/>
      <c r="G106" s="4" t="s">
        <v>1180</v>
      </c>
      <c r="H106" s="145" t="s">
        <v>1071</v>
      </c>
      <c r="I106" s="5" t="s">
        <v>270</v>
      </c>
      <c r="J106" s="145" t="s">
        <v>973</v>
      </c>
      <c r="K106" s="150" t="s">
        <v>223</v>
      </c>
      <c r="L106" s="150" t="s">
        <v>223</v>
      </c>
    </row>
    <row r="107" spans="1:14" ht="150" customHeight="1" x14ac:dyDescent="0.4">
      <c r="A107" s="143"/>
      <c r="B107" s="128" t="s">
        <v>271</v>
      </c>
      <c r="C107" s="151" t="s">
        <v>223</v>
      </c>
      <c r="D107" s="151" t="s">
        <v>223</v>
      </c>
      <c r="E107" s="151"/>
      <c r="F107" s="3"/>
      <c r="G107" s="8"/>
      <c r="H107" s="146"/>
      <c r="I107" s="6"/>
      <c r="J107" s="146"/>
      <c r="K107" s="151" t="s">
        <v>223</v>
      </c>
      <c r="L107" s="151" t="s">
        <v>223</v>
      </c>
    </row>
    <row r="108" spans="1:14" ht="102.75" customHeight="1" x14ac:dyDescent="0.4">
      <c r="A108" s="141" t="s">
        <v>272</v>
      </c>
      <c r="B108" s="203" t="s">
        <v>1129</v>
      </c>
      <c r="C108" s="149" t="s">
        <v>223</v>
      </c>
      <c r="D108" s="149" t="s">
        <v>223</v>
      </c>
      <c r="E108" s="149"/>
      <c r="F108" s="3"/>
      <c r="G108" s="135" t="s">
        <v>1181</v>
      </c>
      <c r="H108" s="144" t="s">
        <v>273</v>
      </c>
      <c r="I108" s="136" t="s">
        <v>1128</v>
      </c>
      <c r="J108" s="144"/>
      <c r="K108" s="149" t="s">
        <v>223</v>
      </c>
      <c r="L108" s="149" t="s">
        <v>223</v>
      </c>
      <c r="M108" s="172" t="s">
        <v>934</v>
      </c>
      <c r="N108" s="1" t="s">
        <v>937</v>
      </c>
    </row>
    <row r="109" spans="1:14" ht="121.5" customHeight="1" x14ac:dyDescent="0.4">
      <c r="A109" s="142"/>
      <c r="B109" s="202" t="s">
        <v>1110</v>
      </c>
      <c r="C109" s="150" t="s">
        <v>223</v>
      </c>
      <c r="D109" s="150" t="s">
        <v>223</v>
      </c>
      <c r="E109" s="150"/>
      <c r="F109" s="3"/>
      <c r="G109" s="4" t="s">
        <v>1182</v>
      </c>
      <c r="H109" s="145"/>
      <c r="I109" s="5" t="s">
        <v>1072</v>
      </c>
      <c r="J109" s="145"/>
      <c r="K109" s="150" t="s">
        <v>223</v>
      </c>
      <c r="L109" s="150" t="s">
        <v>223</v>
      </c>
      <c r="M109" s="172" t="s">
        <v>934</v>
      </c>
      <c r="N109" s="1" t="s">
        <v>937</v>
      </c>
    </row>
    <row r="110" spans="1:14" ht="52.5" customHeight="1" x14ac:dyDescent="0.4">
      <c r="A110" s="142"/>
      <c r="B110" s="202" t="s">
        <v>274</v>
      </c>
      <c r="C110" s="150" t="s">
        <v>223</v>
      </c>
      <c r="D110" s="150" t="s">
        <v>223</v>
      </c>
      <c r="E110" s="150"/>
      <c r="F110" s="3"/>
      <c r="G110" s="4"/>
      <c r="H110" s="145"/>
      <c r="I110" s="5"/>
      <c r="J110" s="145"/>
      <c r="K110" s="150" t="s">
        <v>223</v>
      </c>
      <c r="L110" s="150" t="s">
        <v>223</v>
      </c>
      <c r="M110" s="172" t="s">
        <v>934</v>
      </c>
      <c r="N110" s="1" t="s">
        <v>937</v>
      </c>
    </row>
    <row r="111" spans="1:14" ht="127.5" customHeight="1" x14ac:dyDescent="0.4">
      <c r="A111" s="142"/>
      <c r="B111" s="202" t="s">
        <v>275</v>
      </c>
      <c r="C111" s="150" t="s">
        <v>223</v>
      </c>
      <c r="D111" s="150" t="s">
        <v>223</v>
      </c>
      <c r="E111" s="150"/>
      <c r="F111" s="120"/>
      <c r="G111" s="4"/>
      <c r="H111" s="145"/>
      <c r="I111" s="5"/>
      <c r="J111" s="145"/>
      <c r="K111" s="150" t="s">
        <v>223</v>
      </c>
      <c r="L111" s="150" t="s">
        <v>223</v>
      </c>
      <c r="M111" s="172" t="s">
        <v>934</v>
      </c>
      <c r="N111" s="1" t="s">
        <v>937</v>
      </c>
    </row>
    <row r="112" spans="1:14" ht="85.5" customHeight="1" x14ac:dyDescent="0.4">
      <c r="A112" s="142"/>
      <c r="B112" s="202" t="s">
        <v>1111</v>
      </c>
      <c r="C112" s="150" t="s">
        <v>223</v>
      </c>
      <c r="D112" s="150" t="s">
        <v>223</v>
      </c>
      <c r="E112" s="150"/>
      <c r="F112" s="3"/>
      <c r="G112" s="4" t="s">
        <v>1183</v>
      </c>
      <c r="H112" s="145"/>
      <c r="I112" s="5" t="s">
        <v>276</v>
      </c>
      <c r="J112" s="408" t="s">
        <v>974</v>
      </c>
      <c r="K112" s="150" t="s">
        <v>223</v>
      </c>
      <c r="L112" s="150" t="s">
        <v>223</v>
      </c>
      <c r="M112" s="172" t="s">
        <v>934</v>
      </c>
      <c r="N112" s="1" t="s">
        <v>937</v>
      </c>
    </row>
    <row r="113" spans="1:14" ht="36.75" customHeight="1" x14ac:dyDescent="0.4">
      <c r="A113" s="142"/>
      <c r="B113" s="202" t="s">
        <v>277</v>
      </c>
      <c r="C113" s="150" t="s">
        <v>223</v>
      </c>
      <c r="D113" s="150" t="s">
        <v>223</v>
      </c>
      <c r="E113" s="150"/>
      <c r="F113" s="3"/>
      <c r="G113" s="4"/>
      <c r="H113" s="145"/>
      <c r="I113" s="5"/>
      <c r="J113" s="409"/>
      <c r="K113" s="150" t="s">
        <v>223</v>
      </c>
      <c r="L113" s="150" t="s">
        <v>223</v>
      </c>
      <c r="M113" s="172" t="s">
        <v>934</v>
      </c>
      <c r="N113" s="1" t="s">
        <v>937</v>
      </c>
    </row>
    <row r="114" spans="1:14" ht="148.5" customHeight="1" x14ac:dyDescent="0.4">
      <c r="A114" s="142"/>
      <c r="B114" s="202" t="s">
        <v>1130</v>
      </c>
      <c r="C114" s="150" t="s">
        <v>223</v>
      </c>
      <c r="D114" s="150" t="s">
        <v>223</v>
      </c>
      <c r="E114" s="150"/>
      <c r="F114" s="3"/>
      <c r="G114" s="4" t="s">
        <v>1184</v>
      </c>
      <c r="H114" s="145"/>
      <c r="I114" s="5" t="s">
        <v>278</v>
      </c>
      <c r="J114" s="145" t="s">
        <v>958</v>
      </c>
      <c r="K114" s="150" t="s">
        <v>223</v>
      </c>
      <c r="L114" s="150" t="s">
        <v>223</v>
      </c>
      <c r="M114" s="172" t="s">
        <v>934</v>
      </c>
      <c r="N114" s="1" t="s">
        <v>937</v>
      </c>
    </row>
    <row r="115" spans="1:14" ht="131.25" customHeight="1" x14ac:dyDescent="0.4">
      <c r="A115" s="143"/>
      <c r="B115" s="204" t="s">
        <v>932</v>
      </c>
      <c r="C115" s="151" t="s">
        <v>223</v>
      </c>
      <c r="D115" s="151" t="s">
        <v>223</v>
      </c>
      <c r="E115" s="151"/>
      <c r="F115" s="120"/>
      <c r="G115" s="8" t="s">
        <v>1185</v>
      </c>
      <c r="H115" s="146"/>
      <c r="I115" s="6" t="s">
        <v>279</v>
      </c>
      <c r="J115" s="146"/>
      <c r="K115" s="151" t="s">
        <v>223</v>
      </c>
      <c r="L115" s="151" t="s">
        <v>223</v>
      </c>
      <c r="M115" s="172" t="s">
        <v>934</v>
      </c>
      <c r="N115" s="1" t="s">
        <v>937</v>
      </c>
    </row>
    <row r="116" spans="1:14" ht="70.5" customHeight="1" x14ac:dyDescent="0.4">
      <c r="A116" s="141" t="s">
        <v>280</v>
      </c>
      <c r="B116" s="132" t="s">
        <v>1131</v>
      </c>
      <c r="C116" s="149" t="s">
        <v>223</v>
      </c>
      <c r="D116" s="149" t="s">
        <v>223</v>
      </c>
      <c r="E116" s="149"/>
      <c r="F116" s="3"/>
      <c r="G116" s="135" t="s">
        <v>1186</v>
      </c>
      <c r="H116" s="144" t="s">
        <v>281</v>
      </c>
      <c r="I116" s="136" t="s">
        <v>282</v>
      </c>
      <c r="J116" s="144"/>
      <c r="K116" s="149" t="s">
        <v>223</v>
      </c>
      <c r="L116" s="149" t="s">
        <v>223</v>
      </c>
    </row>
    <row r="117" spans="1:14" ht="246.75" customHeight="1" x14ac:dyDescent="0.4">
      <c r="A117" s="142"/>
      <c r="B117" s="121" t="s">
        <v>283</v>
      </c>
      <c r="C117" s="150" t="s">
        <v>223</v>
      </c>
      <c r="D117" s="150" t="s">
        <v>223</v>
      </c>
      <c r="E117" s="150"/>
      <c r="F117" s="3"/>
      <c r="G117" s="4" t="s">
        <v>1187</v>
      </c>
      <c r="H117" s="145" t="s">
        <v>284</v>
      </c>
      <c r="I117" s="5" t="s">
        <v>1103</v>
      </c>
      <c r="J117" s="145"/>
      <c r="K117" s="150" t="s">
        <v>223</v>
      </c>
      <c r="L117" s="150" t="s">
        <v>223</v>
      </c>
    </row>
    <row r="118" spans="1:14" ht="78.75" customHeight="1" x14ac:dyDescent="0.4">
      <c r="A118" s="142"/>
      <c r="B118" s="121" t="s">
        <v>285</v>
      </c>
      <c r="C118" s="150" t="s">
        <v>223</v>
      </c>
      <c r="D118" s="150" t="s">
        <v>223</v>
      </c>
      <c r="E118" s="150"/>
      <c r="F118" s="3"/>
      <c r="G118" s="4" t="s">
        <v>1188</v>
      </c>
      <c r="H118" s="145" t="s">
        <v>286</v>
      </c>
      <c r="I118" s="5" t="s">
        <v>287</v>
      </c>
      <c r="J118" s="145" t="s">
        <v>959</v>
      </c>
      <c r="K118" s="150" t="s">
        <v>223</v>
      </c>
      <c r="L118" s="150" t="s">
        <v>223</v>
      </c>
    </row>
    <row r="119" spans="1:14" ht="96.75" customHeight="1" x14ac:dyDescent="0.4">
      <c r="A119" s="142"/>
      <c r="B119" s="121" t="s">
        <v>288</v>
      </c>
      <c r="C119" s="150" t="s">
        <v>223</v>
      </c>
      <c r="D119" s="150" t="s">
        <v>223</v>
      </c>
      <c r="E119" s="150"/>
      <c r="F119" s="3"/>
      <c r="G119" s="4" t="s">
        <v>1189</v>
      </c>
      <c r="H119" s="145"/>
      <c r="I119" s="5" t="s">
        <v>289</v>
      </c>
      <c r="J119" s="145"/>
      <c r="K119" s="150" t="s">
        <v>223</v>
      </c>
      <c r="L119" s="150" t="s">
        <v>223</v>
      </c>
    </row>
    <row r="120" spans="1:14" ht="108" customHeight="1" x14ac:dyDescent="0.4">
      <c r="A120" s="142"/>
      <c r="B120" s="121" t="s">
        <v>290</v>
      </c>
      <c r="C120" s="150" t="s">
        <v>223</v>
      </c>
      <c r="D120" s="150" t="s">
        <v>223</v>
      </c>
      <c r="E120" s="150"/>
      <c r="F120" s="120"/>
      <c r="G120" s="4"/>
      <c r="H120" s="145"/>
      <c r="I120" s="5"/>
      <c r="J120" s="145"/>
      <c r="K120" s="150" t="s">
        <v>223</v>
      </c>
      <c r="L120" s="150" t="s">
        <v>223</v>
      </c>
    </row>
    <row r="121" spans="1:14" ht="120" customHeight="1" x14ac:dyDescent="0.4">
      <c r="A121" s="142"/>
      <c r="B121" s="121" t="s">
        <v>1112</v>
      </c>
      <c r="C121" s="150"/>
      <c r="D121" s="150"/>
      <c r="E121" s="150"/>
      <c r="F121" s="120"/>
      <c r="G121" s="4" t="s">
        <v>1190</v>
      </c>
      <c r="H121" s="145"/>
      <c r="I121" s="5"/>
      <c r="J121" s="145"/>
      <c r="K121" s="150"/>
      <c r="L121" s="150"/>
    </row>
    <row r="122" spans="1:14" ht="120" customHeight="1" x14ac:dyDescent="0.4">
      <c r="A122" s="143"/>
      <c r="B122" s="128" t="s">
        <v>291</v>
      </c>
      <c r="C122" s="151"/>
      <c r="D122" s="151"/>
      <c r="E122" s="151"/>
      <c r="F122" s="120"/>
      <c r="G122" s="8"/>
      <c r="H122" s="146"/>
      <c r="I122" s="6"/>
      <c r="J122" s="146"/>
      <c r="K122" s="151"/>
      <c r="L122" s="151"/>
    </row>
    <row r="123" spans="1:14" ht="104.25" customHeight="1" x14ac:dyDescent="0.4">
      <c r="A123" s="141"/>
      <c r="B123" s="132" t="s">
        <v>292</v>
      </c>
      <c r="C123" s="149" t="s">
        <v>223</v>
      </c>
      <c r="D123" s="149" t="s">
        <v>223</v>
      </c>
      <c r="E123" s="149"/>
      <c r="F123" s="120"/>
      <c r="G123" s="135" t="s">
        <v>1191</v>
      </c>
      <c r="H123" s="144"/>
      <c r="I123" s="136" t="s">
        <v>293</v>
      </c>
      <c r="J123" s="144"/>
      <c r="K123" s="149" t="s">
        <v>223</v>
      </c>
      <c r="L123" s="149" t="s">
        <v>223</v>
      </c>
    </row>
    <row r="124" spans="1:14" ht="37.5" customHeight="1" x14ac:dyDescent="0.4">
      <c r="A124" s="142"/>
      <c r="B124" s="121" t="s">
        <v>294</v>
      </c>
      <c r="C124" s="150" t="s">
        <v>223</v>
      </c>
      <c r="D124" s="150" t="s">
        <v>223</v>
      </c>
      <c r="E124" s="150"/>
      <c r="F124" s="3"/>
      <c r="G124" s="4" t="s">
        <v>1192</v>
      </c>
      <c r="H124" s="145"/>
      <c r="I124" s="5" t="s">
        <v>295</v>
      </c>
      <c r="J124" s="145"/>
      <c r="K124" s="150" t="s">
        <v>223</v>
      </c>
      <c r="L124" s="150" t="s">
        <v>223</v>
      </c>
    </row>
    <row r="125" spans="1:14" ht="57" customHeight="1" x14ac:dyDescent="0.4">
      <c r="A125" s="142"/>
      <c r="B125" s="121" t="s">
        <v>296</v>
      </c>
      <c r="C125" s="150" t="s">
        <v>223</v>
      </c>
      <c r="D125" s="150" t="s">
        <v>223</v>
      </c>
      <c r="E125" s="150"/>
      <c r="F125" s="120"/>
      <c r="G125" s="4"/>
      <c r="H125" s="145"/>
      <c r="I125" s="5"/>
      <c r="J125" s="145"/>
      <c r="K125" s="150" t="s">
        <v>223</v>
      </c>
      <c r="L125" s="150" t="s">
        <v>223</v>
      </c>
    </row>
    <row r="126" spans="1:14" ht="123.75" customHeight="1" x14ac:dyDescent="0.4">
      <c r="A126" s="142"/>
      <c r="B126" s="121" t="s">
        <v>297</v>
      </c>
      <c r="C126" s="150" t="s">
        <v>223</v>
      </c>
      <c r="D126" s="150" t="s">
        <v>223</v>
      </c>
      <c r="E126" s="150"/>
      <c r="F126" s="3"/>
      <c r="G126" s="4" t="s">
        <v>1193</v>
      </c>
      <c r="H126" s="145"/>
      <c r="I126" s="5" t="s">
        <v>298</v>
      </c>
      <c r="J126" s="145"/>
      <c r="K126" s="150" t="s">
        <v>223</v>
      </c>
      <c r="L126" s="150" t="s">
        <v>223</v>
      </c>
    </row>
    <row r="127" spans="1:14" ht="41.25" customHeight="1" x14ac:dyDescent="0.4">
      <c r="A127" s="142"/>
      <c r="B127" s="121" t="s">
        <v>299</v>
      </c>
      <c r="C127" s="150" t="s">
        <v>223</v>
      </c>
      <c r="D127" s="150" t="s">
        <v>223</v>
      </c>
      <c r="E127" s="150"/>
      <c r="F127" s="3"/>
      <c r="G127" s="4"/>
      <c r="H127" s="145"/>
      <c r="I127" s="5"/>
      <c r="J127" s="145"/>
      <c r="K127" s="150" t="s">
        <v>223</v>
      </c>
      <c r="L127" s="150" t="s">
        <v>223</v>
      </c>
    </row>
    <row r="128" spans="1:14" ht="33.75" customHeight="1" x14ac:dyDescent="0.4">
      <c r="A128" s="142" t="s">
        <v>300</v>
      </c>
      <c r="B128" s="121" t="s">
        <v>301</v>
      </c>
      <c r="C128" s="150" t="s">
        <v>223</v>
      </c>
      <c r="D128" s="150" t="s">
        <v>223</v>
      </c>
      <c r="E128" s="150"/>
      <c r="F128" s="120"/>
      <c r="G128" s="4"/>
      <c r="H128" s="145"/>
      <c r="I128" s="5" t="s">
        <v>302</v>
      </c>
      <c r="J128" s="408" t="s">
        <v>960</v>
      </c>
      <c r="K128" s="150" t="s">
        <v>223</v>
      </c>
      <c r="L128" s="150" t="s">
        <v>223</v>
      </c>
    </row>
    <row r="129" spans="1:12" ht="172.5" customHeight="1" x14ac:dyDescent="0.4">
      <c r="A129" s="142"/>
      <c r="B129" s="121"/>
      <c r="C129" s="150" t="s">
        <v>223</v>
      </c>
      <c r="D129" s="150" t="s">
        <v>223</v>
      </c>
      <c r="E129" s="150"/>
      <c r="F129" s="120"/>
      <c r="G129" s="4"/>
      <c r="H129" s="145"/>
      <c r="I129" s="5"/>
      <c r="J129" s="409"/>
      <c r="K129" s="150" t="s">
        <v>223</v>
      </c>
      <c r="L129" s="150" t="s">
        <v>223</v>
      </c>
    </row>
    <row r="130" spans="1:12" ht="33.75" customHeight="1" x14ac:dyDescent="0.4">
      <c r="A130" s="438"/>
      <c r="B130" s="121" t="s">
        <v>303</v>
      </c>
      <c r="C130" s="414" t="s">
        <v>223</v>
      </c>
      <c r="D130" s="414" t="s">
        <v>223</v>
      </c>
      <c r="E130" s="414"/>
      <c r="F130" s="120"/>
      <c r="G130" s="400" t="s">
        <v>1194</v>
      </c>
      <c r="H130" s="401"/>
      <c r="I130" s="399" t="s">
        <v>304</v>
      </c>
      <c r="J130" s="408" t="s">
        <v>961</v>
      </c>
      <c r="K130" s="414" t="s">
        <v>223</v>
      </c>
      <c r="L130" s="414" t="s">
        <v>223</v>
      </c>
    </row>
    <row r="131" spans="1:12" ht="169.5" customHeight="1" x14ac:dyDescent="0.4">
      <c r="A131" s="438"/>
      <c r="B131" s="121" t="s">
        <v>305</v>
      </c>
      <c r="C131" s="414"/>
      <c r="D131" s="414"/>
      <c r="E131" s="414"/>
      <c r="F131" s="3"/>
      <c r="G131" s="400"/>
      <c r="H131" s="401"/>
      <c r="I131" s="399"/>
      <c r="J131" s="408"/>
      <c r="K131" s="414"/>
      <c r="L131" s="414"/>
    </row>
    <row r="132" spans="1:12" ht="75" customHeight="1" x14ac:dyDescent="0.4">
      <c r="A132" s="143" t="s">
        <v>306</v>
      </c>
      <c r="B132" s="128" t="s">
        <v>1073</v>
      </c>
      <c r="C132" s="151" t="s">
        <v>223</v>
      </c>
      <c r="D132" s="151" t="s">
        <v>223</v>
      </c>
      <c r="E132" s="151" t="s">
        <v>223</v>
      </c>
      <c r="F132" s="3"/>
      <c r="G132" s="8" t="s">
        <v>1195</v>
      </c>
      <c r="H132" s="146"/>
      <c r="I132" s="6" t="s">
        <v>307</v>
      </c>
      <c r="J132" s="146"/>
      <c r="K132" s="151" t="s">
        <v>223</v>
      </c>
      <c r="L132" s="151" t="s">
        <v>223</v>
      </c>
    </row>
    <row r="133" spans="1:12" ht="121.5" customHeight="1" x14ac:dyDescent="0.4">
      <c r="A133" s="141" t="s">
        <v>308</v>
      </c>
      <c r="B133" s="132" t="s">
        <v>309</v>
      </c>
      <c r="C133" s="149" t="s">
        <v>223</v>
      </c>
      <c r="D133" s="149" t="s">
        <v>223</v>
      </c>
      <c r="E133" s="149"/>
      <c r="F133" s="3"/>
      <c r="G133" s="135" t="s">
        <v>1196</v>
      </c>
      <c r="H133" s="144" t="s">
        <v>310</v>
      </c>
      <c r="I133" s="136" t="s">
        <v>311</v>
      </c>
      <c r="J133" s="144" t="s">
        <v>962</v>
      </c>
      <c r="K133" s="149" t="s">
        <v>223</v>
      </c>
      <c r="L133" s="149" t="s">
        <v>223</v>
      </c>
    </row>
    <row r="134" spans="1:12" ht="13.5" customHeight="1" x14ac:dyDescent="0.4">
      <c r="A134" s="142"/>
      <c r="B134" s="121" t="s">
        <v>1113</v>
      </c>
      <c r="C134" s="150" t="s">
        <v>223</v>
      </c>
      <c r="D134" s="150" t="s">
        <v>223</v>
      </c>
      <c r="E134" s="150"/>
      <c r="F134" s="3"/>
      <c r="G134" s="4"/>
      <c r="H134" s="145"/>
      <c r="I134" s="5"/>
      <c r="J134" s="145"/>
      <c r="K134" s="150" t="s">
        <v>223</v>
      </c>
      <c r="L134" s="150" t="s">
        <v>223</v>
      </c>
    </row>
    <row r="135" spans="1:12" ht="270" customHeight="1" x14ac:dyDescent="0.4">
      <c r="A135" s="142"/>
      <c r="B135" s="121"/>
      <c r="C135" s="150"/>
      <c r="D135" s="150"/>
      <c r="E135" s="150"/>
      <c r="F135" s="120"/>
      <c r="G135" s="4"/>
      <c r="H135" s="145"/>
      <c r="I135" s="5"/>
      <c r="J135" s="145"/>
      <c r="K135" s="150"/>
      <c r="L135" s="150"/>
    </row>
    <row r="136" spans="1:12" ht="270" customHeight="1" x14ac:dyDescent="0.4">
      <c r="A136" s="142"/>
      <c r="B136" s="121"/>
      <c r="C136" s="152"/>
      <c r="D136" s="152"/>
      <c r="E136" s="152"/>
      <c r="F136" s="3"/>
      <c r="G136" s="4"/>
      <c r="H136" s="145"/>
      <c r="I136" s="5"/>
      <c r="J136" s="145"/>
      <c r="K136" s="152"/>
      <c r="L136" s="152"/>
    </row>
    <row r="137" spans="1:12" ht="39.950000000000003" customHeight="1" x14ac:dyDescent="0.4">
      <c r="A137" s="142"/>
      <c r="B137" s="121" t="s">
        <v>1074</v>
      </c>
      <c r="C137" s="152"/>
      <c r="D137" s="152"/>
      <c r="E137" s="152"/>
      <c r="F137" s="3"/>
      <c r="G137" s="4" t="s">
        <v>312</v>
      </c>
      <c r="H137" s="145"/>
      <c r="I137" s="5" t="s">
        <v>313</v>
      </c>
      <c r="J137" s="145"/>
      <c r="K137" s="152"/>
      <c r="L137" s="152"/>
    </row>
    <row r="138" spans="1:12" ht="39.950000000000003" customHeight="1" x14ac:dyDescent="0.4">
      <c r="A138" s="142"/>
      <c r="B138" s="121" t="s">
        <v>314</v>
      </c>
      <c r="C138" s="150" t="s">
        <v>223</v>
      </c>
      <c r="D138" s="150" t="s">
        <v>223</v>
      </c>
      <c r="E138" s="150"/>
      <c r="F138" s="3"/>
      <c r="G138" s="4"/>
      <c r="H138" s="145"/>
      <c r="I138" s="5"/>
      <c r="J138" s="145"/>
      <c r="K138" s="150" t="s">
        <v>223</v>
      </c>
      <c r="L138" s="150" t="s">
        <v>223</v>
      </c>
    </row>
    <row r="139" spans="1:12" ht="39.950000000000003" customHeight="1" x14ac:dyDescent="0.4">
      <c r="A139" s="142"/>
      <c r="B139" s="121" t="s">
        <v>315</v>
      </c>
      <c r="C139" s="150" t="s">
        <v>223</v>
      </c>
      <c r="D139" s="150" t="s">
        <v>223</v>
      </c>
      <c r="E139" s="150"/>
      <c r="F139" s="3"/>
      <c r="G139" s="4"/>
      <c r="H139" s="145"/>
      <c r="I139" s="5"/>
      <c r="J139" s="145"/>
      <c r="K139" s="150" t="s">
        <v>223</v>
      </c>
      <c r="L139" s="150" t="s">
        <v>223</v>
      </c>
    </row>
    <row r="140" spans="1:12" ht="39.950000000000003" customHeight="1" x14ac:dyDescent="0.4">
      <c r="A140" s="143"/>
      <c r="B140" s="128" t="s">
        <v>316</v>
      </c>
      <c r="C140" s="151" t="s">
        <v>223</v>
      </c>
      <c r="D140" s="151" t="s">
        <v>223</v>
      </c>
      <c r="E140" s="151"/>
      <c r="F140" s="3"/>
      <c r="G140" s="8"/>
      <c r="H140" s="146"/>
      <c r="I140" s="6"/>
      <c r="J140" s="146"/>
      <c r="K140" s="151" t="s">
        <v>223</v>
      </c>
      <c r="L140" s="151" t="s">
        <v>223</v>
      </c>
    </row>
    <row r="141" spans="1:12" ht="204.95" customHeight="1" x14ac:dyDescent="0.4">
      <c r="A141" s="141" t="s">
        <v>317</v>
      </c>
      <c r="B141" s="132" t="s">
        <v>1209</v>
      </c>
      <c r="C141" s="149" t="s">
        <v>223</v>
      </c>
      <c r="D141" s="149" t="s">
        <v>223</v>
      </c>
      <c r="E141" s="149"/>
      <c r="F141" s="3"/>
      <c r="G141" s="135" t="s">
        <v>1197</v>
      </c>
      <c r="H141" s="144" t="s">
        <v>318</v>
      </c>
      <c r="I141" s="136" t="s">
        <v>319</v>
      </c>
      <c r="J141" s="144" t="s">
        <v>963</v>
      </c>
      <c r="K141" s="134" t="s">
        <v>223</v>
      </c>
      <c r="L141" s="126" t="s">
        <v>223</v>
      </c>
    </row>
    <row r="142" spans="1:12" ht="129.94999999999999" customHeight="1" x14ac:dyDescent="0.4">
      <c r="A142" s="142"/>
      <c r="B142" s="121" t="s">
        <v>320</v>
      </c>
      <c r="C142" s="150" t="s">
        <v>223</v>
      </c>
      <c r="D142" s="150" t="s">
        <v>223</v>
      </c>
      <c r="E142" s="150"/>
      <c r="F142" s="3"/>
      <c r="G142" s="4" t="s">
        <v>1198</v>
      </c>
      <c r="H142" s="145" t="s">
        <v>321</v>
      </c>
      <c r="I142" s="5" t="s">
        <v>322</v>
      </c>
      <c r="J142" s="145"/>
      <c r="K142" s="126" t="s">
        <v>223</v>
      </c>
      <c r="L142" s="126" t="s">
        <v>223</v>
      </c>
    </row>
    <row r="143" spans="1:12" ht="200.1" customHeight="1" x14ac:dyDescent="0.4">
      <c r="A143" s="142"/>
      <c r="B143" s="121" t="s">
        <v>323</v>
      </c>
      <c r="C143" s="150" t="s">
        <v>223</v>
      </c>
      <c r="D143" s="150" t="s">
        <v>223</v>
      </c>
      <c r="E143" s="150"/>
      <c r="F143" s="3"/>
      <c r="G143" s="4" t="s">
        <v>324</v>
      </c>
      <c r="H143" s="145" t="s">
        <v>325</v>
      </c>
      <c r="I143" s="5" t="s">
        <v>326</v>
      </c>
      <c r="J143" s="145"/>
      <c r="K143" s="126" t="s">
        <v>223</v>
      </c>
      <c r="L143" s="126" t="s">
        <v>223</v>
      </c>
    </row>
    <row r="144" spans="1:12" ht="101.25" customHeight="1" x14ac:dyDescent="0.4">
      <c r="A144" s="143"/>
      <c r="B144" s="128" t="s">
        <v>1138</v>
      </c>
      <c r="C144" s="151" t="s">
        <v>223</v>
      </c>
      <c r="D144" s="151" t="s">
        <v>223</v>
      </c>
      <c r="E144" s="151"/>
      <c r="F144" s="3"/>
      <c r="G144" s="8" t="s">
        <v>1199</v>
      </c>
      <c r="H144" s="146"/>
      <c r="I144" s="6" t="s">
        <v>327</v>
      </c>
      <c r="J144" s="146"/>
      <c r="K144" s="151" t="s">
        <v>223</v>
      </c>
      <c r="L144" s="130" t="s">
        <v>223</v>
      </c>
    </row>
    <row r="145" spans="1:14" ht="60" customHeight="1" x14ac:dyDescent="0.4">
      <c r="A145" s="141"/>
      <c r="B145" s="158" t="s">
        <v>1139</v>
      </c>
      <c r="C145" s="149" t="s">
        <v>223</v>
      </c>
      <c r="D145" s="149" t="s">
        <v>223</v>
      </c>
      <c r="E145" s="149"/>
      <c r="F145" s="3"/>
      <c r="G145" s="135" t="s">
        <v>1200</v>
      </c>
      <c r="H145" s="144" t="s">
        <v>328</v>
      </c>
      <c r="I145" s="136" t="s">
        <v>329</v>
      </c>
      <c r="J145" s="144"/>
      <c r="K145" s="149" t="s">
        <v>223</v>
      </c>
      <c r="L145" s="149" t="s">
        <v>223</v>
      </c>
    </row>
    <row r="146" spans="1:14" ht="120" customHeight="1" x14ac:dyDescent="0.4">
      <c r="A146" s="142"/>
      <c r="B146" s="164" t="s">
        <v>1140</v>
      </c>
      <c r="C146" s="150" t="s">
        <v>223</v>
      </c>
      <c r="D146" s="150" t="s">
        <v>223</v>
      </c>
      <c r="E146" s="150"/>
      <c r="F146" s="3"/>
      <c r="G146" s="4" t="s">
        <v>1201</v>
      </c>
      <c r="H146" s="145"/>
      <c r="I146" s="5" t="s">
        <v>330</v>
      </c>
      <c r="J146" s="145"/>
      <c r="K146" s="150" t="s">
        <v>223</v>
      </c>
      <c r="L146" s="150" t="s">
        <v>223</v>
      </c>
    </row>
    <row r="147" spans="1:14" ht="90" customHeight="1" x14ac:dyDescent="0.4">
      <c r="A147" s="142"/>
      <c r="B147" s="164" t="s">
        <v>1141</v>
      </c>
      <c r="C147" s="150" t="s">
        <v>223</v>
      </c>
      <c r="D147" s="150" t="s">
        <v>223</v>
      </c>
      <c r="E147" s="150"/>
      <c r="F147" s="3"/>
      <c r="G147" s="4" t="s">
        <v>1202</v>
      </c>
      <c r="H147" s="145"/>
      <c r="I147" s="5" t="s">
        <v>331</v>
      </c>
      <c r="J147" s="145"/>
      <c r="K147" s="150" t="s">
        <v>223</v>
      </c>
      <c r="L147" s="150" t="s">
        <v>223</v>
      </c>
    </row>
    <row r="148" spans="1:14" ht="90" customHeight="1" x14ac:dyDescent="0.4">
      <c r="A148" s="142"/>
      <c r="B148" s="164" t="s">
        <v>1142</v>
      </c>
      <c r="C148" s="150" t="s">
        <v>223</v>
      </c>
      <c r="D148" s="150" t="s">
        <v>223</v>
      </c>
      <c r="E148" s="150"/>
      <c r="F148" s="3"/>
      <c r="G148" s="4" t="s">
        <v>332</v>
      </c>
      <c r="H148" s="145"/>
      <c r="I148" s="5" t="s">
        <v>333</v>
      </c>
      <c r="J148" s="145"/>
      <c r="K148" s="150" t="s">
        <v>223</v>
      </c>
      <c r="L148" s="150" t="s">
        <v>223</v>
      </c>
    </row>
    <row r="149" spans="1:14" ht="229.5" customHeight="1" x14ac:dyDescent="0.4">
      <c r="A149" s="142" t="s">
        <v>334</v>
      </c>
      <c r="B149" s="164" t="s">
        <v>335</v>
      </c>
      <c r="C149" s="150" t="s">
        <v>223</v>
      </c>
      <c r="D149" s="150" t="s">
        <v>223</v>
      </c>
      <c r="E149" s="150"/>
      <c r="F149" s="3"/>
      <c r="G149" s="4" t="s">
        <v>1076</v>
      </c>
      <c r="H149" s="145" t="s">
        <v>336</v>
      </c>
      <c r="I149" s="5" t="s">
        <v>337</v>
      </c>
      <c r="J149" s="145" t="s">
        <v>964</v>
      </c>
      <c r="K149" s="150" t="s">
        <v>223</v>
      </c>
      <c r="L149" s="150" t="s">
        <v>223</v>
      </c>
    </row>
    <row r="150" spans="1:14" ht="90" customHeight="1" x14ac:dyDescent="0.4">
      <c r="A150" s="142"/>
      <c r="B150" s="164" t="s">
        <v>338</v>
      </c>
      <c r="C150" s="150" t="s">
        <v>223</v>
      </c>
      <c r="D150" s="150" t="s">
        <v>223</v>
      </c>
      <c r="E150" s="150"/>
      <c r="F150" s="3"/>
      <c r="G150" s="4"/>
      <c r="H150" s="145"/>
      <c r="I150" s="5"/>
      <c r="J150" s="145"/>
      <c r="K150" s="150" t="s">
        <v>223</v>
      </c>
      <c r="L150" s="150" t="s">
        <v>223</v>
      </c>
    </row>
    <row r="151" spans="1:14" ht="90" customHeight="1" x14ac:dyDescent="0.4">
      <c r="A151" s="142"/>
      <c r="B151" s="164" t="s">
        <v>339</v>
      </c>
      <c r="C151" s="150" t="s">
        <v>223</v>
      </c>
      <c r="D151" s="150" t="s">
        <v>223</v>
      </c>
      <c r="E151" s="150"/>
      <c r="F151" s="3"/>
      <c r="G151" s="4" t="s">
        <v>340</v>
      </c>
      <c r="H151" s="145"/>
      <c r="I151" s="5" t="s">
        <v>341</v>
      </c>
      <c r="J151" s="145"/>
      <c r="K151" s="150" t="s">
        <v>223</v>
      </c>
      <c r="L151" s="150" t="s">
        <v>223</v>
      </c>
    </row>
    <row r="152" spans="1:14" ht="90" customHeight="1" x14ac:dyDescent="0.4">
      <c r="A152" s="143"/>
      <c r="B152" s="159"/>
      <c r="C152" s="151"/>
      <c r="D152" s="151"/>
      <c r="E152" s="151"/>
      <c r="F152" s="3"/>
      <c r="G152" s="8"/>
      <c r="H152" s="146"/>
      <c r="I152" s="6"/>
      <c r="J152" s="146"/>
      <c r="K152" s="151"/>
      <c r="L152" s="151"/>
    </row>
    <row r="153" spans="1:14" ht="73.5" customHeight="1" x14ac:dyDescent="0.4">
      <c r="A153" s="393" t="s">
        <v>342</v>
      </c>
      <c r="B153" s="203" t="s">
        <v>343</v>
      </c>
      <c r="C153" s="149" t="s">
        <v>223</v>
      </c>
      <c r="D153" s="149" t="s">
        <v>223</v>
      </c>
      <c r="E153" s="149"/>
      <c r="F153" s="3"/>
      <c r="G153" s="421" t="s">
        <v>344</v>
      </c>
      <c r="H153" s="440"/>
      <c r="I153" s="421" t="s">
        <v>345</v>
      </c>
      <c r="J153" s="144" t="s">
        <v>965</v>
      </c>
      <c r="K153" s="149" t="s">
        <v>223</v>
      </c>
      <c r="L153" s="149" t="s">
        <v>223</v>
      </c>
      <c r="M153" s="172" t="s">
        <v>940</v>
      </c>
      <c r="N153" s="1" t="s">
        <v>941</v>
      </c>
    </row>
    <row r="154" spans="1:14" ht="120.75" customHeight="1" x14ac:dyDescent="0.4">
      <c r="A154" s="394"/>
      <c r="B154" s="208" t="s">
        <v>938</v>
      </c>
      <c r="C154" s="150" t="s">
        <v>223</v>
      </c>
      <c r="D154" s="150" t="s">
        <v>223</v>
      </c>
      <c r="E154" s="150"/>
      <c r="F154" s="3"/>
      <c r="G154" s="408"/>
      <c r="H154" s="401"/>
      <c r="I154" s="408"/>
      <c r="J154" s="145"/>
      <c r="K154" s="150" t="s">
        <v>223</v>
      </c>
      <c r="L154" s="150" t="s">
        <v>223</v>
      </c>
      <c r="M154" s="172" t="s">
        <v>940</v>
      </c>
      <c r="N154" s="1" t="s">
        <v>941</v>
      </c>
    </row>
    <row r="155" spans="1:14" ht="250.5" customHeight="1" x14ac:dyDescent="0.4">
      <c r="A155" s="142"/>
      <c r="B155" s="208" t="s">
        <v>939</v>
      </c>
      <c r="C155" s="150" t="s">
        <v>223</v>
      </c>
      <c r="D155" s="150" t="s">
        <v>223</v>
      </c>
      <c r="E155" s="150"/>
      <c r="F155" s="3"/>
      <c r="G155" s="408" t="s">
        <v>1203</v>
      </c>
      <c r="H155" s="145"/>
      <c r="I155" s="408" t="s">
        <v>346</v>
      </c>
      <c r="J155" s="145"/>
      <c r="K155" s="150" t="s">
        <v>223</v>
      </c>
      <c r="L155" s="150" t="s">
        <v>223</v>
      </c>
      <c r="M155" s="172" t="s">
        <v>940</v>
      </c>
      <c r="N155" s="1" t="s">
        <v>941</v>
      </c>
    </row>
    <row r="156" spans="1:14" ht="60" customHeight="1" x14ac:dyDescent="0.4">
      <c r="A156" s="142"/>
      <c r="B156" s="208" t="s">
        <v>347</v>
      </c>
      <c r="C156" s="150" t="s">
        <v>223</v>
      </c>
      <c r="D156" s="150" t="s">
        <v>223</v>
      </c>
      <c r="E156" s="150"/>
      <c r="F156" s="3"/>
      <c r="G156" s="409"/>
      <c r="H156" s="145"/>
      <c r="I156" s="408"/>
      <c r="J156" s="145"/>
      <c r="K156" s="150" t="s">
        <v>223</v>
      </c>
      <c r="L156" s="150" t="s">
        <v>223</v>
      </c>
      <c r="M156" s="172" t="s">
        <v>940</v>
      </c>
      <c r="N156" s="1" t="s">
        <v>941</v>
      </c>
    </row>
    <row r="157" spans="1:14" ht="60" customHeight="1" x14ac:dyDescent="0.4">
      <c r="A157" s="142" t="s">
        <v>348</v>
      </c>
      <c r="B157" s="164" t="s">
        <v>349</v>
      </c>
      <c r="C157" s="150" t="s">
        <v>223</v>
      </c>
      <c r="D157" s="150" t="s">
        <v>223</v>
      </c>
      <c r="E157" s="150"/>
      <c r="F157" s="3"/>
      <c r="G157" s="400" t="s">
        <v>1077</v>
      </c>
      <c r="H157" s="145"/>
      <c r="I157" s="408"/>
      <c r="J157" s="145"/>
      <c r="K157" s="150" t="s">
        <v>223</v>
      </c>
      <c r="L157" s="150" t="s">
        <v>223</v>
      </c>
    </row>
    <row r="158" spans="1:14" ht="60" customHeight="1" x14ac:dyDescent="0.4">
      <c r="A158" s="142"/>
      <c r="B158" s="164" t="s">
        <v>350</v>
      </c>
      <c r="C158" s="150" t="s">
        <v>223</v>
      </c>
      <c r="D158" s="150" t="s">
        <v>223</v>
      </c>
      <c r="E158" s="150"/>
      <c r="F158" s="3"/>
      <c r="G158" s="400"/>
      <c r="H158" s="145"/>
      <c r="I158" s="408"/>
      <c r="J158" s="145"/>
      <c r="K158" s="150" t="s">
        <v>223</v>
      </c>
      <c r="L158" s="150" t="s">
        <v>223</v>
      </c>
    </row>
    <row r="159" spans="1:14" ht="60" customHeight="1" x14ac:dyDescent="0.4">
      <c r="A159" s="142"/>
      <c r="B159" s="164" t="s">
        <v>351</v>
      </c>
      <c r="C159" s="150" t="s">
        <v>223</v>
      </c>
      <c r="D159" s="150" t="s">
        <v>223</v>
      </c>
      <c r="E159" s="150"/>
      <c r="F159" s="3"/>
      <c r="G159" s="400"/>
      <c r="H159" s="145"/>
      <c r="I159" s="408"/>
      <c r="J159" s="145"/>
      <c r="K159" s="150" t="s">
        <v>223</v>
      </c>
      <c r="L159" s="150" t="s">
        <v>223</v>
      </c>
    </row>
    <row r="160" spans="1:14" ht="114" customHeight="1" x14ac:dyDescent="0.4">
      <c r="A160" s="142"/>
      <c r="B160" s="164" t="s">
        <v>352</v>
      </c>
      <c r="C160" s="150" t="s">
        <v>223</v>
      </c>
      <c r="D160" s="150" t="s">
        <v>223</v>
      </c>
      <c r="E160" s="150"/>
      <c r="F160" s="3"/>
      <c r="G160" s="400"/>
      <c r="H160" s="145"/>
      <c r="I160" s="408"/>
      <c r="J160" s="145"/>
      <c r="K160" s="150" t="s">
        <v>223</v>
      </c>
      <c r="L160" s="150" t="s">
        <v>223</v>
      </c>
    </row>
    <row r="161" spans="1:14" ht="60" customHeight="1" x14ac:dyDescent="0.4">
      <c r="A161" s="143"/>
      <c r="B161" s="128" t="s">
        <v>353</v>
      </c>
      <c r="C161" s="151" t="s">
        <v>223</v>
      </c>
      <c r="D161" s="151" t="s">
        <v>223</v>
      </c>
      <c r="E161" s="151"/>
      <c r="F161" s="3"/>
      <c r="G161" s="422"/>
      <c r="H161" s="146"/>
      <c r="I161" s="410"/>
      <c r="J161" s="146"/>
      <c r="K161" s="151" t="s">
        <v>223</v>
      </c>
      <c r="L161" s="151" t="s">
        <v>223</v>
      </c>
    </row>
    <row r="162" spans="1:14" ht="180" customHeight="1" x14ac:dyDescent="0.4">
      <c r="A162" s="141"/>
      <c r="B162" s="160" t="s">
        <v>354</v>
      </c>
      <c r="C162" s="149" t="s">
        <v>223</v>
      </c>
      <c r="D162" s="149" t="s">
        <v>223</v>
      </c>
      <c r="E162" s="149"/>
      <c r="F162" s="3"/>
      <c r="G162" s="135"/>
      <c r="H162" s="144"/>
      <c r="I162" s="136" t="s">
        <v>355</v>
      </c>
      <c r="J162" s="144"/>
      <c r="K162" s="149" t="s">
        <v>223</v>
      </c>
      <c r="L162" s="149" t="s">
        <v>223</v>
      </c>
    </row>
    <row r="163" spans="1:14" ht="399.95" customHeight="1" x14ac:dyDescent="0.4">
      <c r="A163" s="142"/>
      <c r="B163" s="171" t="s">
        <v>356</v>
      </c>
      <c r="C163" s="150" t="s">
        <v>223</v>
      </c>
      <c r="D163" s="150" t="s">
        <v>223</v>
      </c>
      <c r="E163" s="150" t="s">
        <v>223</v>
      </c>
      <c r="F163" s="3"/>
      <c r="G163" s="4" t="s">
        <v>1104</v>
      </c>
      <c r="H163" s="145"/>
      <c r="I163" s="5" t="s">
        <v>357</v>
      </c>
      <c r="J163" s="145" t="s">
        <v>966</v>
      </c>
      <c r="K163" s="150" t="s">
        <v>358</v>
      </c>
      <c r="L163" s="150" t="s">
        <v>223</v>
      </c>
    </row>
    <row r="164" spans="1:14" ht="99.95" customHeight="1" x14ac:dyDescent="0.4">
      <c r="A164" s="142"/>
      <c r="B164" s="171" t="s">
        <v>359</v>
      </c>
      <c r="C164" s="150" t="s">
        <v>223</v>
      </c>
      <c r="D164" s="150" t="s">
        <v>223</v>
      </c>
      <c r="E164" s="150"/>
      <c r="F164" s="3"/>
      <c r="G164" s="4" t="s">
        <v>360</v>
      </c>
      <c r="H164" s="145"/>
      <c r="I164" s="5" t="s">
        <v>361</v>
      </c>
      <c r="J164" s="145"/>
      <c r="K164" s="150" t="s">
        <v>223</v>
      </c>
      <c r="L164" s="150" t="s">
        <v>223</v>
      </c>
    </row>
    <row r="165" spans="1:14" ht="99.95" customHeight="1" x14ac:dyDescent="0.4">
      <c r="A165" s="143"/>
      <c r="B165" s="128" t="s">
        <v>1148</v>
      </c>
      <c r="C165" s="151" t="s">
        <v>223</v>
      </c>
      <c r="D165" s="151" t="s">
        <v>223</v>
      </c>
      <c r="E165" s="151"/>
      <c r="F165" s="120"/>
      <c r="G165" s="8" t="s">
        <v>362</v>
      </c>
      <c r="H165" s="146"/>
      <c r="I165" s="6" t="s">
        <v>363</v>
      </c>
      <c r="J165" s="146"/>
      <c r="K165" s="151" t="s">
        <v>223</v>
      </c>
      <c r="L165" s="151" t="s">
        <v>223</v>
      </c>
    </row>
    <row r="166" spans="1:14" ht="39.950000000000003" customHeight="1" x14ac:dyDescent="0.4">
      <c r="A166" s="402" t="s">
        <v>1149</v>
      </c>
      <c r="B166" s="403"/>
      <c r="C166" s="403"/>
      <c r="D166" s="403"/>
      <c r="E166" s="404"/>
      <c r="F166" s="120"/>
      <c r="G166" s="160" t="s">
        <v>364</v>
      </c>
      <c r="H166" s="136"/>
      <c r="I166" s="136"/>
      <c r="J166" s="136"/>
      <c r="K166" s="133"/>
      <c r="L166" s="134"/>
    </row>
    <row r="167" spans="1:14" ht="110.1" customHeight="1" x14ac:dyDescent="0.4">
      <c r="A167" s="125"/>
      <c r="B167" s="121"/>
      <c r="C167" s="120"/>
      <c r="D167" s="120"/>
      <c r="E167" s="126"/>
      <c r="F167" s="3"/>
      <c r="G167" s="4"/>
      <c r="H167" s="5"/>
      <c r="I167" s="5"/>
      <c r="J167" s="5"/>
      <c r="K167" s="120"/>
      <c r="L167" s="126"/>
    </row>
    <row r="168" spans="1:14" ht="110.1" customHeight="1" x14ac:dyDescent="0.4">
      <c r="A168" s="125"/>
      <c r="B168" s="121"/>
      <c r="C168" s="120"/>
      <c r="D168" s="120"/>
      <c r="E168" s="126"/>
      <c r="F168" s="120"/>
      <c r="G168" s="4"/>
      <c r="H168" s="5"/>
      <c r="I168" s="5"/>
      <c r="J168" s="5"/>
      <c r="K168" s="120"/>
      <c r="L168" s="126"/>
    </row>
    <row r="169" spans="1:14" ht="110.1" customHeight="1" x14ac:dyDescent="0.4">
      <c r="A169" s="125"/>
      <c r="B169" s="121"/>
      <c r="C169" s="120"/>
      <c r="D169" s="120"/>
      <c r="E169" s="126"/>
      <c r="F169" s="3"/>
      <c r="G169" s="4"/>
      <c r="H169" s="5"/>
      <c r="I169" s="5"/>
      <c r="J169" s="5"/>
      <c r="K169" s="120"/>
      <c r="L169" s="126"/>
    </row>
    <row r="170" spans="1:14" ht="110.1" customHeight="1" x14ac:dyDescent="0.4">
      <c r="A170" s="125"/>
      <c r="B170" s="121"/>
      <c r="C170" s="120"/>
      <c r="D170" s="120"/>
      <c r="E170" s="126"/>
      <c r="F170" s="120"/>
      <c r="G170" s="4"/>
      <c r="H170" s="5"/>
      <c r="I170" s="5"/>
      <c r="J170" s="5"/>
      <c r="K170" s="120"/>
      <c r="L170" s="126"/>
    </row>
    <row r="171" spans="1:14" ht="110.1" customHeight="1" x14ac:dyDescent="0.4">
      <c r="A171" s="125"/>
      <c r="B171" s="121"/>
      <c r="C171" s="3"/>
      <c r="D171" s="3"/>
      <c r="E171" s="140"/>
      <c r="F171" s="3"/>
      <c r="G171" s="4"/>
      <c r="H171" s="5"/>
      <c r="I171" s="5"/>
      <c r="J171" s="5"/>
      <c r="K171" s="3"/>
      <c r="L171" s="140"/>
    </row>
    <row r="172" spans="1:14" ht="110.1" customHeight="1" x14ac:dyDescent="0.4">
      <c r="A172" s="127"/>
      <c r="B172" s="128"/>
      <c r="C172" s="161"/>
      <c r="D172" s="161"/>
      <c r="E172" s="162"/>
      <c r="F172" s="3"/>
      <c r="G172" s="8"/>
      <c r="H172" s="6"/>
      <c r="I172" s="6"/>
      <c r="J172" s="6"/>
      <c r="K172" s="161"/>
      <c r="L172" s="162"/>
    </row>
    <row r="173" spans="1:14" ht="80.099999999999994" customHeight="1" x14ac:dyDescent="0.4">
      <c r="A173" s="141" t="s">
        <v>920</v>
      </c>
      <c r="B173" s="203" t="s">
        <v>1114</v>
      </c>
      <c r="C173" s="149" t="s">
        <v>223</v>
      </c>
      <c r="D173" s="149" t="s">
        <v>223</v>
      </c>
      <c r="E173" s="149"/>
      <c r="F173" s="3"/>
      <c r="G173" s="135" t="s">
        <v>365</v>
      </c>
      <c r="H173" s="144"/>
      <c r="I173" s="136" t="s">
        <v>366</v>
      </c>
      <c r="J173" s="144"/>
      <c r="K173" s="149" t="s">
        <v>223</v>
      </c>
      <c r="L173" s="149" t="s">
        <v>223</v>
      </c>
      <c r="M173" s="172" t="s">
        <v>940</v>
      </c>
      <c r="N173" s="1" t="s">
        <v>941</v>
      </c>
    </row>
    <row r="174" spans="1:14" ht="80.099999999999994" customHeight="1" x14ac:dyDescent="0.4">
      <c r="A174" s="142"/>
      <c r="B174" s="202" t="s">
        <v>367</v>
      </c>
      <c r="C174" s="150" t="s">
        <v>223</v>
      </c>
      <c r="D174" s="150" t="s">
        <v>223</v>
      </c>
      <c r="E174" s="150"/>
      <c r="F174" s="120"/>
      <c r="G174" s="4" t="s">
        <v>1078</v>
      </c>
      <c r="H174" s="145"/>
      <c r="I174" s="5" t="s">
        <v>368</v>
      </c>
      <c r="J174" s="145"/>
      <c r="K174" s="150" t="s">
        <v>223</v>
      </c>
      <c r="L174" s="150" t="s">
        <v>223</v>
      </c>
      <c r="M174" s="172" t="s">
        <v>940</v>
      </c>
      <c r="N174" s="1" t="s">
        <v>941</v>
      </c>
    </row>
    <row r="175" spans="1:14" ht="80.099999999999994" customHeight="1" x14ac:dyDescent="0.4">
      <c r="A175" s="142"/>
      <c r="B175" s="202" t="s">
        <v>369</v>
      </c>
      <c r="C175" s="150" t="s">
        <v>223</v>
      </c>
      <c r="D175" s="150" t="s">
        <v>223</v>
      </c>
      <c r="E175" s="150"/>
      <c r="F175" s="120"/>
      <c r="G175" s="4"/>
      <c r="H175" s="145"/>
      <c r="I175" s="5" t="s">
        <v>370</v>
      </c>
      <c r="J175" s="145"/>
      <c r="K175" s="150" t="s">
        <v>223</v>
      </c>
      <c r="L175" s="150" t="s">
        <v>223</v>
      </c>
      <c r="M175" s="172" t="s">
        <v>940</v>
      </c>
      <c r="N175" s="1" t="s">
        <v>941</v>
      </c>
    </row>
    <row r="176" spans="1:14" ht="80.099999999999994" customHeight="1" x14ac:dyDescent="0.4">
      <c r="A176" s="142"/>
      <c r="B176" s="202" t="s">
        <v>371</v>
      </c>
      <c r="C176" s="150" t="s">
        <v>223</v>
      </c>
      <c r="D176" s="150" t="s">
        <v>223</v>
      </c>
      <c r="E176" s="150"/>
      <c r="F176" s="120"/>
      <c r="G176" s="4"/>
      <c r="H176" s="145"/>
      <c r="I176" s="5"/>
      <c r="J176" s="145"/>
      <c r="K176" s="150" t="s">
        <v>223</v>
      </c>
      <c r="L176" s="150" t="s">
        <v>223</v>
      </c>
      <c r="M176" s="172" t="s">
        <v>940</v>
      </c>
      <c r="N176" s="1" t="s">
        <v>941</v>
      </c>
    </row>
    <row r="177" spans="1:14" ht="210" customHeight="1" x14ac:dyDescent="0.4">
      <c r="A177" s="142"/>
      <c r="B177" s="202" t="s">
        <v>372</v>
      </c>
      <c r="C177" s="150" t="s">
        <v>223</v>
      </c>
      <c r="D177" s="150" t="s">
        <v>223</v>
      </c>
      <c r="E177" s="150"/>
      <c r="F177" s="3"/>
      <c r="G177" s="4"/>
      <c r="H177" s="145"/>
      <c r="I177" s="5"/>
      <c r="J177" s="145"/>
      <c r="K177" s="150" t="s">
        <v>223</v>
      </c>
      <c r="L177" s="150" t="s">
        <v>223</v>
      </c>
      <c r="M177" s="172" t="s">
        <v>940</v>
      </c>
      <c r="N177" s="1" t="s">
        <v>941</v>
      </c>
    </row>
    <row r="178" spans="1:14" ht="99.95" customHeight="1" x14ac:dyDescent="0.4">
      <c r="A178" s="142"/>
      <c r="B178" s="202" t="s">
        <v>919</v>
      </c>
      <c r="C178" s="150" t="s">
        <v>223</v>
      </c>
      <c r="D178" s="150" t="s">
        <v>223</v>
      </c>
      <c r="E178" s="150"/>
      <c r="F178" s="120"/>
      <c r="G178" s="4"/>
      <c r="H178" s="145"/>
      <c r="I178" s="5"/>
      <c r="J178" s="145"/>
      <c r="K178" s="150" t="s">
        <v>223</v>
      </c>
      <c r="L178" s="150" t="s">
        <v>223</v>
      </c>
      <c r="M178" s="172" t="s">
        <v>940</v>
      </c>
      <c r="N178" s="1" t="s">
        <v>941</v>
      </c>
    </row>
    <row r="179" spans="1:14" ht="159.94999999999999" customHeight="1" x14ac:dyDescent="0.4">
      <c r="A179" s="143"/>
      <c r="B179" s="204" t="s">
        <v>373</v>
      </c>
      <c r="C179" s="151" t="s">
        <v>223</v>
      </c>
      <c r="D179" s="151" t="s">
        <v>223</v>
      </c>
      <c r="E179" s="151"/>
      <c r="F179" s="3"/>
      <c r="G179" s="8"/>
      <c r="H179" s="146"/>
      <c r="I179" s="6"/>
      <c r="J179" s="146"/>
      <c r="K179" s="151" t="s">
        <v>223</v>
      </c>
      <c r="L179" s="151" t="s">
        <v>223</v>
      </c>
      <c r="M179" s="172" t="s">
        <v>940</v>
      </c>
      <c r="N179" s="1" t="s">
        <v>941</v>
      </c>
    </row>
    <row r="180" spans="1:14" ht="40.5" customHeight="1" x14ac:dyDescent="0.4">
      <c r="A180" s="141" t="s">
        <v>374</v>
      </c>
      <c r="B180" s="158" t="s">
        <v>375</v>
      </c>
      <c r="C180" s="149" t="s">
        <v>223</v>
      </c>
      <c r="D180" s="149" t="s">
        <v>223</v>
      </c>
      <c r="E180" s="149"/>
      <c r="F180" s="120"/>
      <c r="G180" s="135"/>
      <c r="H180" s="144"/>
      <c r="I180" s="136"/>
      <c r="J180" s="144"/>
      <c r="K180" s="149" t="s">
        <v>223</v>
      </c>
      <c r="L180" s="149" t="s">
        <v>223</v>
      </c>
    </row>
    <row r="181" spans="1:14" ht="219.95" customHeight="1" x14ac:dyDescent="0.4">
      <c r="A181" s="142"/>
      <c r="B181" s="164" t="s">
        <v>376</v>
      </c>
      <c r="C181" s="150" t="s">
        <v>223</v>
      </c>
      <c r="D181" s="150" t="s">
        <v>223</v>
      </c>
      <c r="E181" s="150"/>
      <c r="F181" s="3"/>
      <c r="G181" s="4" t="s">
        <v>377</v>
      </c>
      <c r="H181" s="145"/>
      <c r="I181" s="5" t="s">
        <v>378</v>
      </c>
      <c r="J181" s="145"/>
      <c r="K181" s="150" t="s">
        <v>223</v>
      </c>
      <c r="L181" s="150" t="s">
        <v>223</v>
      </c>
    </row>
    <row r="182" spans="1:14" ht="37.5" customHeight="1" x14ac:dyDescent="0.4">
      <c r="A182" s="142"/>
      <c r="B182" s="164" t="s">
        <v>379</v>
      </c>
      <c r="C182" s="150" t="s">
        <v>223</v>
      </c>
      <c r="D182" s="150" t="s">
        <v>223</v>
      </c>
      <c r="E182" s="150"/>
      <c r="F182" s="3"/>
      <c r="G182" s="4"/>
      <c r="H182" s="145"/>
      <c r="I182" s="5"/>
      <c r="J182" s="145"/>
      <c r="K182" s="150" t="s">
        <v>223</v>
      </c>
      <c r="L182" s="150" t="s">
        <v>223</v>
      </c>
    </row>
    <row r="183" spans="1:14" ht="228.75" customHeight="1" x14ac:dyDescent="0.4">
      <c r="A183" s="142"/>
      <c r="B183" s="164" t="s">
        <v>1080</v>
      </c>
      <c r="C183" s="150" t="s">
        <v>223</v>
      </c>
      <c r="D183" s="150" t="s">
        <v>223</v>
      </c>
      <c r="E183" s="150"/>
      <c r="F183" s="120"/>
      <c r="G183" s="4" t="s">
        <v>1151</v>
      </c>
      <c r="H183" s="145"/>
      <c r="I183" s="5" t="s">
        <v>1150</v>
      </c>
      <c r="J183" s="145"/>
      <c r="K183" s="150" t="s">
        <v>223</v>
      </c>
      <c r="L183" s="150" t="s">
        <v>223</v>
      </c>
    </row>
    <row r="184" spans="1:14" ht="275.25" customHeight="1" x14ac:dyDescent="0.4">
      <c r="A184" s="143"/>
      <c r="B184" s="159" t="s">
        <v>380</v>
      </c>
      <c r="C184" s="151" t="s">
        <v>223</v>
      </c>
      <c r="D184" s="151" t="s">
        <v>223</v>
      </c>
      <c r="E184" s="151"/>
      <c r="F184" s="120"/>
      <c r="G184" s="8" t="s">
        <v>1105</v>
      </c>
      <c r="H184" s="146"/>
      <c r="I184" s="6" t="s">
        <v>1079</v>
      </c>
      <c r="J184" s="146"/>
      <c r="K184" s="151" t="s">
        <v>223</v>
      </c>
      <c r="L184" s="151" t="s">
        <v>223</v>
      </c>
    </row>
    <row r="185" spans="1:14" ht="130.5" customHeight="1" x14ac:dyDescent="0.4">
      <c r="A185" s="141" t="s">
        <v>381</v>
      </c>
      <c r="B185" s="132" t="s">
        <v>382</v>
      </c>
      <c r="C185" s="149" t="s">
        <v>223</v>
      </c>
      <c r="D185" s="149" t="s">
        <v>223</v>
      </c>
      <c r="E185" s="149"/>
      <c r="F185" s="120"/>
      <c r="G185" s="135"/>
      <c r="H185" s="144" t="s">
        <v>383</v>
      </c>
      <c r="I185" s="136" t="s">
        <v>384</v>
      </c>
      <c r="J185" s="144" t="s">
        <v>967</v>
      </c>
      <c r="K185" s="149" t="s">
        <v>223</v>
      </c>
      <c r="L185" s="149" t="s">
        <v>223</v>
      </c>
    </row>
    <row r="186" spans="1:14" ht="159" customHeight="1" x14ac:dyDescent="0.4">
      <c r="A186" s="142"/>
      <c r="B186" s="121" t="s">
        <v>385</v>
      </c>
      <c r="C186" s="150" t="s">
        <v>223</v>
      </c>
      <c r="D186" s="150" t="s">
        <v>223</v>
      </c>
      <c r="E186" s="150"/>
      <c r="F186" s="3"/>
      <c r="G186" s="4" t="s">
        <v>386</v>
      </c>
      <c r="H186" s="145" t="s">
        <v>387</v>
      </c>
      <c r="I186" s="5" t="s">
        <v>388</v>
      </c>
      <c r="J186" s="145"/>
      <c r="K186" s="150" t="s">
        <v>223</v>
      </c>
      <c r="L186" s="150" t="s">
        <v>223</v>
      </c>
    </row>
    <row r="187" spans="1:14" ht="127.5" customHeight="1" x14ac:dyDescent="0.4">
      <c r="A187" s="142"/>
      <c r="B187" s="121" t="s">
        <v>389</v>
      </c>
      <c r="C187" s="150" t="s">
        <v>223</v>
      </c>
      <c r="D187" s="150" t="s">
        <v>223</v>
      </c>
      <c r="E187" s="150"/>
      <c r="F187" s="120"/>
      <c r="G187" s="4"/>
      <c r="H187" s="145"/>
      <c r="I187" s="5" t="s">
        <v>390</v>
      </c>
      <c r="J187" s="145" t="s">
        <v>968</v>
      </c>
      <c r="K187" s="150" t="s">
        <v>223</v>
      </c>
      <c r="L187" s="150" t="s">
        <v>223</v>
      </c>
    </row>
    <row r="188" spans="1:14" ht="171" customHeight="1" x14ac:dyDescent="0.4">
      <c r="A188" s="142"/>
      <c r="B188" s="121" t="s">
        <v>391</v>
      </c>
      <c r="C188" s="150" t="s">
        <v>223</v>
      </c>
      <c r="D188" s="150" t="s">
        <v>223</v>
      </c>
      <c r="E188" s="150"/>
      <c r="F188" s="3"/>
      <c r="G188" s="4" t="s">
        <v>392</v>
      </c>
      <c r="H188" s="145" t="s">
        <v>393</v>
      </c>
      <c r="I188" s="5" t="s">
        <v>394</v>
      </c>
      <c r="J188" s="145" t="s">
        <v>969</v>
      </c>
      <c r="K188" s="150" t="s">
        <v>223</v>
      </c>
      <c r="L188" s="150" t="s">
        <v>223</v>
      </c>
    </row>
    <row r="189" spans="1:14" ht="111.75" customHeight="1" x14ac:dyDescent="0.4">
      <c r="A189" s="142"/>
      <c r="B189" s="121" t="s">
        <v>395</v>
      </c>
      <c r="C189" s="150" t="s">
        <v>223</v>
      </c>
      <c r="D189" s="150" t="s">
        <v>223</v>
      </c>
      <c r="E189" s="150"/>
      <c r="F189" s="3"/>
      <c r="G189" s="4" t="s">
        <v>1083</v>
      </c>
      <c r="H189" s="145" t="s">
        <v>396</v>
      </c>
      <c r="I189" s="5"/>
      <c r="J189" s="145"/>
      <c r="K189" s="150" t="s">
        <v>223</v>
      </c>
      <c r="L189" s="150" t="s">
        <v>223</v>
      </c>
    </row>
    <row r="190" spans="1:14" ht="111.75" customHeight="1" x14ac:dyDescent="0.4">
      <c r="A190" s="143"/>
      <c r="B190" s="128" t="s">
        <v>397</v>
      </c>
      <c r="C190" s="151" t="s">
        <v>223</v>
      </c>
      <c r="D190" s="151" t="s">
        <v>223</v>
      </c>
      <c r="E190" s="151" t="s">
        <v>223</v>
      </c>
      <c r="F190" s="161"/>
      <c r="G190" s="8"/>
      <c r="H190" s="146"/>
      <c r="I190" s="6"/>
      <c r="J190" s="146"/>
      <c r="K190" s="151" t="s">
        <v>223</v>
      </c>
      <c r="L190" s="151" t="s">
        <v>223</v>
      </c>
    </row>
    <row r="191" spans="1:14" ht="99.95" customHeight="1" x14ac:dyDescent="0.4">
      <c r="A191" s="142"/>
      <c r="B191" s="121" t="s">
        <v>398</v>
      </c>
      <c r="C191" s="150" t="s">
        <v>223</v>
      </c>
      <c r="D191" s="150" t="s">
        <v>223</v>
      </c>
      <c r="E191" s="150"/>
      <c r="F191" s="3"/>
      <c r="G191" s="135"/>
      <c r="H191" s="144"/>
      <c r="I191" s="136" t="s">
        <v>399</v>
      </c>
      <c r="J191" s="144"/>
      <c r="K191" s="149" t="s">
        <v>223</v>
      </c>
      <c r="L191" s="149" t="s">
        <v>223</v>
      </c>
    </row>
    <row r="192" spans="1:14" ht="99.95" customHeight="1" x14ac:dyDescent="0.4">
      <c r="A192" s="142"/>
      <c r="B192" s="121" t="s">
        <v>400</v>
      </c>
      <c r="C192" s="150" t="s">
        <v>223</v>
      </c>
      <c r="D192" s="150" t="s">
        <v>223</v>
      </c>
      <c r="E192" s="150"/>
      <c r="F192" s="3"/>
      <c r="G192" s="4"/>
      <c r="H192" s="145"/>
      <c r="I192" s="5"/>
      <c r="J192" s="145"/>
      <c r="K192" s="150" t="s">
        <v>223</v>
      </c>
      <c r="L192" s="150" t="s">
        <v>223</v>
      </c>
    </row>
    <row r="193" spans="1:14" ht="50.1" customHeight="1" x14ac:dyDescent="0.4">
      <c r="A193" s="142"/>
      <c r="B193" s="121" t="s">
        <v>1115</v>
      </c>
      <c r="C193" s="150" t="s">
        <v>223</v>
      </c>
      <c r="D193" s="150" t="s">
        <v>223</v>
      </c>
      <c r="E193" s="150"/>
      <c r="F193" s="3"/>
      <c r="G193" s="4"/>
      <c r="H193" s="145"/>
      <c r="I193" s="5"/>
      <c r="J193" s="145"/>
      <c r="K193" s="150" t="s">
        <v>223</v>
      </c>
      <c r="L193" s="150" t="s">
        <v>223</v>
      </c>
    </row>
    <row r="194" spans="1:14" ht="129.94999999999999" customHeight="1" x14ac:dyDescent="0.4">
      <c r="A194" s="142"/>
      <c r="B194" s="202" t="s">
        <v>401</v>
      </c>
      <c r="C194" s="150" t="s">
        <v>223</v>
      </c>
      <c r="D194" s="150" t="s">
        <v>223</v>
      </c>
      <c r="E194" s="150"/>
      <c r="F194" s="3"/>
      <c r="G194" s="408" t="s">
        <v>402</v>
      </c>
      <c r="H194" s="145" t="s">
        <v>403</v>
      </c>
      <c r="I194" s="408" t="s">
        <v>1084</v>
      </c>
      <c r="J194" s="145" t="s">
        <v>975</v>
      </c>
      <c r="K194" s="150" t="s">
        <v>223</v>
      </c>
      <c r="L194" s="150" t="s">
        <v>223</v>
      </c>
      <c r="M194" s="172" t="s">
        <v>934</v>
      </c>
      <c r="N194" s="1" t="s">
        <v>943</v>
      </c>
    </row>
    <row r="195" spans="1:14" ht="50.1" customHeight="1" x14ac:dyDescent="0.4">
      <c r="A195" s="142"/>
      <c r="B195" s="202" t="s">
        <v>404</v>
      </c>
      <c r="C195" s="150" t="s">
        <v>223</v>
      </c>
      <c r="D195" s="150" t="s">
        <v>223</v>
      </c>
      <c r="E195" s="150"/>
      <c r="F195" s="3"/>
      <c r="G195" s="409"/>
      <c r="H195" s="145"/>
      <c r="I195" s="409"/>
      <c r="J195" s="145"/>
      <c r="K195" s="150" t="s">
        <v>223</v>
      </c>
      <c r="L195" s="150" t="s">
        <v>223</v>
      </c>
      <c r="M195" s="172" t="s">
        <v>934</v>
      </c>
      <c r="N195" s="1" t="s">
        <v>943</v>
      </c>
    </row>
    <row r="196" spans="1:14" ht="50.1" customHeight="1" x14ac:dyDescent="0.4">
      <c r="A196" s="142"/>
      <c r="B196" s="202" t="s">
        <v>405</v>
      </c>
      <c r="C196" s="150" t="s">
        <v>223</v>
      </c>
      <c r="D196" s="150" t="s">
        <v>223</v>
      </c>
      <c r="E196" s="150"/>
      <c r="F196" s="3"/>
      <c r="G196" s="409"/>
      <c r="H196" s="145"/>
      <c r="I196" s="409"/>
      <c r="J196" s="145"/>
      <c r="K196" s="150" t="s">
        <v>223</v>
      </c>
      <c r="L196" s="150" t="s">
        <v>223</v>
      </c>
      <c r="M196" s="172" t="s">
        <v>934</v>
      </c>
      <c r="N196" s="1" t="s">
        <v>943</v>
      </c>
    </row>
    <row r="197" spans="1:14" ht="99.95" customHeight="1" x14ac:dyDescent="0.4">
      <c r="A197" s="142"/>
      <c r="B197" s="202" t="s">
        <v>1210</v>
      </c>
      <c r="C197" s="150" t="s">
        <v>223</v>
      </c>
      <c r="D197" s="150" t="s">
        <v>223</v>
      </c>
      <c r="E197" s="150"/>
      <c r="F197" s="3"/>
      <c r="G197" s="409"/>
      <c r="H197" s="145" t="s">
        <v>406</v>
      </c>
      <c r="I197" s="169" t="s">
        <v>407</v>
      </c>
      <c r="J197" s="145"/>
      <c r="K197" s="150" t="s">
        <v>223</v>
      </c>
      <c r="L197" s="150" t="s">
        <v>223</v>
      </c>
      <c r="M197" s="172" t="s">
        <v>934</v>
      </c>
      <c r="N197" s="1" t="s">
        <v>943</v>
      </c>
    </row>
    <row r="198" spans="1:14" ht="50.1" customHeight="1" x14ac:dyDescent="0.4">
      <c r="A198" s="142"/>
      <c r="B198" s="202" t="s">
        <v>408</v>
      </c>
      <c r="C198" s="150" t="s">
        <v>223</v>
      </c>
      <c r="D198" s="150" t="s">
        <v>223</v>
      </c>
      <c r="E198" s="150"/>
      <c r="F198" s="3"/>
      <c r="G198" s="4"/>
      <c r="H198" s="145"/>
      <c r="I198" s="169" t="s">
        <v>409</v>
      </c>
      <c r="J198" s="408" t="s">
        <v>970</v>
      </c>
      <c r="K198" s="150" t="s">
        <v>223</v>
      </c>
      <c r="L198" s="150" t="s">
        <v>223</v>
      </c>
      <c r="M198" s="172" t="s">
        <v>934</v>
      </c>
      <c r="N198" s="1" t="s">
        <v>943</v>
      </c>
    </row>
    <row r="199" spans="1:14" ht="50.1" customHeight="1" x14ac:dyDescent="0.4">
      <c r="A199" s="142"/>
      <c r="B199" s="202" t="s">
        <v>926</v>
      </c>
      <c r="C199" s="150" t="s">
        <v>223</v>
      </c>
      <c r="D199" s="150" t="s">
        <v>223</v>
      </c>
      <c r="E199" s="150"/>
      <c r="F199" s="3"/>
      <c r="G199" s="4"/>
      <c r="H199" s="145"/>
      <c r="I199" s="169" t="s">
        <v>410</v>
      </c>
      <c r="J199" s="408"/>
      <c r="K199" s="150" t="s">
        <v>223</v>
      </c>
      <c r="L199" s="150" t="s">
        <v>223</v>
      </c>
      <c r="M199" s="172" t="s">
        <v>934</v>
      </c>
      <c r="N199" s="1" t="s">
        <v>943</v>
      </c>
    </row>
    <row r="200" spans="1:14" ht="50.1" customHeight="1" x14ac:dyDescent="0.4">
      <c r="A200" s="142"/>
      <c r="B200" s="202" t="s">
        <v>411</v>
      </c>
      <c r="C200" s="150" t="s">
        <v>223</v>
      </c>
      <c r="D200" s="150" t="s">
        <v>223</v>
      </c>
      <c r="E200" s="150"/>
      <c r="F200" s="3"/>
      <c r="G200" s="4"/>
      <c r="H200" s="145"/>
      <c r="I200" s="169"/>
      <c r="J200" s="408"/>
      <c r="K200" s="150" t="s">
        <v>223</v>
      </c>
      <c r="L200" s="150" t="s">
        <v>223</v>
      </c>
      <c r="M200" s="172" t="s">
        <v>934</v>
      </c>
      <c r="N200" s="1" t="s">
        <v>943</v>
      </c>
    </row>
    <row r="201" spans="1:14" ht="137.25" customHeight="1" x14ac:dyDescent="0.4">
      <c r="A201" s="143"/>
      <c r="B201" s="128" t="s">
        <v>412</v>
      </c>
      <c r="C201" s="151" t="s">
        <v>223</v>
      </c>
      <c r="D201" s="151" t="s">
        <v>223</v>
      </c>
      <c r="E201" s="151"/>
      <c r="F201" s="3"/>
      <c r="G201" s="8" t="s">
        <v>1085</v>
      </c>
      <c r="H201" s="146"/>
      <c r="I201" s="256"/>
      <c r="J201" s="410"/>
      <c r="K201" s="151" t="s">
        <v>223</v>
      </c>
      <c r="L201" s="151" t="s">
        <v>223</v>
      </c>
    </row>
    <row r="202" spans="1:14" ht="90" customHeight="1" x14ac:dyDescent="0.4">
      <c r="A202" s="141" t="s">
        <v>413</v>
      </c>
      <c r="B202" s="203" t="s">
        <v>414</v>
      </c>
      <c r="C202" s="149" t="s">
        <v>223</v>
      </c>
      <c r="D202" s="149" t="s">
        <v>223</v>
      </c>
      <c r="E202" s="149"/>
      <c r="F202" s="3"/>
      <c r="G202" s="135" t="s">
        <v>415</v>
      </c>
      <c r="H202" s="144"/>
      <c r="I202" s="425" t="s">
        <v>1106</v>
      </c>
      <c r="J202" s="144" t="s">
        <v>976</v>
      </c>
      <c r="K202" s="149" t="s">
        <v>223</v>
      </c>
      <c r="L202" s="149" t="s">
        <v>223</v>
      </c>
      <c r="M202" s="172" t="s">
        <v>934</v>
      </c>
      <c r="N202" s="1" t="s">
        <v>943</v>
      </c>
    </row>
    <row r="203" spans="1:14" ht="90" customHeight="1" x14ac:dyDescent="0.4">
      <c r="A203" s="142"/>
      <c r="B203" s="202" t="s">
        <v>416</v>
      </c>
      <c r="C203" s="150" t="s">
        <v>223</v>
      </c>
      <c r="D203" s="150" t="s">
        <v>223</v>
      </c>
      <c r="E203" s="150"/>
      <c r="F203" s="3"/>
      <c r="G203" s="4" t="s">
        <v>925</v>
      </c>
      <c r="H203" s="145"/>
      <c r="I203" s="431"/>
      <c r="J203" s="201"/>
      <c r="K203" s="150" t="s">
        <v>223</v>
      </c>
      <c r="L203" s="150" t="s">
        <v>223</v>
      </c>
      <c r="M203" s="172" t="s">
        <v>934</v>
      </c>
      <c r="N203" s="1" t="s">
        <v>943</v>
      </c>
    </row>
    <row r="204" spans="1:14" ht="90" customHeight="1" x14ac:dyDescent="0.4">
      <c r="A204" s="142"/>
      <c r="B204" s="202" t="s">
        <v>417</v>
      </c>
      <c r="C204" s="150" t="s">
        <v>223</v>
      </c>
      <c r="D204" s="150" t="s">
        <v>223</v>
      </c>
      <c r="E204" s="150"/>
      <c r="F204" s="3"/>
      <c r="G204" s="4"/>
      <c r="H204" s="145"/>
      <c r="I204" s="5"/>
      <c r="J204" s="145"/>
      <c r="K204" s="150" t="s">
        <v>223</v>
      </c>
      <c r="L204" s="150" t="s">
        <v>223</v>
      </c>
      <c r="M204" s="172" t="s">
        <v>934</v>
      </c>
      <c r="N204" s="1" t="s">
        <v>943</v>
      </c>
    </row>
    <row r="205" spans="1:14" ht="90" customHeight="1" x14ac:dyDescent="0.4">
      <c r="A205" s="142"/>
      <c r="B205" s="202" t="s">
        <v>418</v>
      </c>
      <c r="C205" s="150" t="s">
        <v>223</v>
      </c>
      <c r="D205" s="150" t="s">
        <v>223</v>
      </c>
      <c r="E205" s="150"/>
      <c r="F205" s="3"/>
      <c r="G205" s="4"/>
      <c r="H205" s="145"/>
      <c r="I205" s="5"/>
      <c r="J205" s="145"/>
      <c r="K205" s="150" t="s">
        <v>223</v>
      </c>
      <c r="L205" s="150" t="s">
        <v>223</v>
      </c>
      <c r="M205" s="172" t="s">
        <v>934</v>
      </c>
      <c r="N205" s="1" t="s">
        <v>943</v>
      </c>
    </row>
    <row r="206" spans="1:14" ht="90" customHeight="1" x14ac:dyDescent="0.4">
      <c r="A206" s="142"/>
      <c r="B206" s="202" t="s">
        <v>1122</v>
      </c>
      <c r="C206" s="150" t="s">
        <v>223</v>
      </c>
      <c r="D206" s="150" t="s">
        <v>223</v>
      </c>
      <c r="E206" s="150"/>
      <c r="F206" s="3"/>
      <c r="G206" s="4"/>
      <c r="H206" s="145"/>
      <c r="I206" s="5"/>
      <c r="J206" s="145"/>
      <c r="K206" s="150" t="s">
        <v>223</v>
      </c>
      <c r="L206" s="150" t="s">
        <v>223</v>
      </c>
      <c r="M206" s="172" t="s">
        <v>934</v>
      </c>
      <c r="N206" s="1" t="s">
        <v>943</v>
      </c>
    </row>
    <row r="207" spans="1:14" ht="219.95" customHeight="1" x14ac:dyDescent="0.4">
      <c r="A207" s="142"/>
      <c r="B207" s="202" t="s">
        <v>927</v>
      </c>
      <c r="C207" s="150" t="s">
        <v>223</v>
      </c>
      <c r="D207" s="150" t="s">
        <v>223</v>
      </c>
      <c r="E207" s="150" t="s">
        <v>223</v>
      </c>
      <c r="F207" s="3"/>
      <c r="G207" s="4" t="s">
        <v>419</v>
      </c>
      <c r="H207" s="145" t="s">
        <v>1086</v>
      </c>
      <c r="I207" s="5" t="s">
        <v>420</v>
      </c>
      <c r="J207" s="145"/>
      <c r="K207" s="150" t="s">
        <v>223</v>
      </c>
      <c r="L207" s="150" t="s">
        <v>223</v>
      </c>
      <c r="M207" s="172" t="s">
        <v>934</v>
      </c>
      <c r="N207" s="1" t="s">
        <v>943</v>
      </c>
    </row>
    <row r="208" spans="1:14" ht="219.95" customHeight="1" x14ac:dyDescent="0.4">
      <c r="A208" s="143"/>
      <c r="B208" s="204"/>
      <c r="C208" s="163"/>
      <c r="D208" s="163"/>
      <c r="E208" s="163"/>
      <c r="F208" s="3"/>
      <c r="G208" s="8"/>
      <c r="H208" s="146"/>
      <c r="I208" s="6"/>
      <c r="J208" s="146"/>
      <c r="K208" s="163"/>
      <c r="L208" s="163"/>
      <c r="M208" s="172" t="s">
        <v>934</v>
      </c>
      <c r="N208" s="1" t="s">
        <v>943</v>
      </c>
    </row>
    <row r="209" spans="1:14" ht="39.950000000000003" customHeight="1" x14ac:dyDescent="0.4">
      <c r="A209" s="423" t="s">
        <v>1204</v>
      </c>
      <c r="B209" s="424"/>
      <c r="C209" s="424"/>
      <c r="D209" s="424"/>
      <c r="E209" s="425"/>
      <c r="F209" s="120"/>
      <c r="G209" s="435" t="s">
        <v>1155</v>
      </c>
      <c r="H209" s="436"/>
      <c r="I209" s="436"/>
      <c r="J209" s="436"/>
      <c r="K209" s="436"/>
      <c r="L209" s="437"/>
      <c r="M209" s="172" t="s">
        <v>934</v>
      </c>
      <c r="N209" s="1" t="s">
        <v>943</v>
      </c>
    </row>
    <row r="210" spans="1:14" ht="99.95" customHeight="1" x14ac:dyDescent="0.4">
      <c r="A210" s="125"/>
      <c r="B210" s="121"/>
      <c r="C210" s="120"/>
      <c r="D210" s="120"/>
      <c r="E210" s="126"/>
      <c r="F210" s="120"/>
      <c r="G210" s="4"/>
      <c r="H210" s="5"/>
      <c r="I210" s="5"/>
      <c r="J210" s="5"/>
      <c r="K210" s="120"/>
      <c r="L210" s="126"/>
    </row>
    <row r="211" spans="1:14" ht="99.95" customHeight="1" x14ac:dyDescent="0.4">
      <c r="A211" s="125"/>
      <c r="B211" s="121"/>
      <c r="C211" s="120"/>
      <c r="D211" s="120"/>
      <c r="E211" s="126"/>
      <c r="F211" s="120"/>
      <c r="G211" s="4"/>
      <c r="H211" s="5"/>
      <c r="I211" s="5"/>
      <c r="J211" s="5"/>
      <c r="K211" s="120"/>
      <c r="L211" s="126"/>
    </row>
    <row r="212" spans="1:14" ht="99.95" customHeight="1" x14ac:dyDescent="0.4">
      <c r="A212" s="125"/>
      <c r="B212" s="121"/>
      <c r="C212" s="3"/>
      <c r="D212" s="3"/>
      <c r="E212" s="140"/>
      <c r="F212" s="3"/>
      <c r="G212" s="4"/>
      <c r="H212" s="5"/>
      <c r="I212" s="5"/>
      <c r="J212" s="5"/>
      <c r="K212" s="3"/>
      <c r="L212" s="140"/>
    </row>
    <row r="213" spans="1:14" ht="99.95" customHeight="1" x14ac:dyDescent="0.4">
      <c r="A213" s="125"/>
      <c r="B213" s="121"/>
      <c r="C213" s="120"/>
      <c r="D213" s="120"/>
      <c r="E213" s="126"/>
      <c r="F213" s="120"/>
      <c r="G213" s="4"/>
      <c r="H213" s="5"/>
      <c r="I213" s="5"/>
      <c r="J213" s="5"/>
      <c r="K213" s="120"/>
      <c r="L213" s="126"/>
    </row>
    <row r="214" spans="1:14" ht="99.95" customHeight="1" x14ac:dyDescent="0.4">
      <c r="A214" s="125"/>
      <c r="B214" s="121"/>
      <c r="C214" s="120"/>
      <c r="D214" s="120"/>
      <c r="E214" s="126"/>
      <c r="F214" s="120"/>
      <c r="G214" s="4"/>
      <c r="H214" s="5"/>
      <c r="I214" s="5"/>
      <c r="J214" s="5"/>
      <c r="K214" s="120"/>
      <c r="L214" s="126"/>
    </row>
    <row r="215" spans="1:14" ht="99.95" customHeight="1" x14ac:dyDescent="0.4">
      <c r="A215" s="125"/>
      <c r="B215" s="121"/>
      <c r="C215" s="120"/>
      <c r="D215" s="120"/>
      <c r="E215" s="126"/>
      <c r="F215" s="3"/>
      <c r="G215" s="4"/>
      <c r="H215" s="5"/>
      <c r="I215" s="5"/>
      <c r="J215" s="5"/>
      <c r="K215" s="120"/>
      <c r="L215" s="126"/>
    </row>
    <row r="216" spans="1:14" ht="99.95" customHeight="1" x14ac:dyDescent="0.4">
      <c r="A216" s="426" t="s">
        <v>942</v>
      </c>
      <c r="B216" s="384"/>
      <c r="C216" s="384"/>
      <c r="D216" s="384"/>
      <c r="E216" s="427"/>
      <c r="F216" s="3"/>
      <c r="G216" s="4"/>
      <c r="H216" s="5"/>
      <c r="I216" s="5"/>
      <c r="J216" s="5"/>
      <c r="K216" s="120"/>
      <c r="L216" s="126"/>
    </row>
    <row r="217" spans="1:14" ht="99.95" customHeight="1" x14ac:dyDescent="0.4">
      <c r="A217" s="405"/>
      <c r="B217" s="406"/>
      <c r="C217" s="406"/>
      <c r="D217" s="406"/>
      <c r="E217" s="407"/>
      <c r="F217" s="120"/>
      <c r="G217" s="8"/>
      <c r="H217" s="6"/>
      <c r="I217" s="6"/>
      <c r="J217" s="6"/>
      <c r="K217" s="129"/>
      <c r="L217" s="130"/>
    </row>
    <row r="218" spans="1:14" ht="33.75" customHeight="1" x14ac:dyDescent="0.4">
      <c r="A218" s="141" t="s">
        <v>421</v>
      </c>
      <c r="B218" s="158" t="s">
        <v>1087</v>
      </c>
      <c r="C218" s="149" t="s">
        <v>223</v>
      </c>
      <c r="D218" s="149" t="s">
        <v>223</v>
      </c>
      <c r="E218" s="149"/>
      <c r="F218" s="120"/>
      <c r="G218" s="421" t="s">
        <v>1156</v>
      </c>
      <c r="H218" s="268"/>
      <c r="I218" s="144" t="s">
        <v>422</v>
      </c>
      <c r="J218" s="144" t="s">
        <v>924</v>
      </c>
      <c r="K218" s="149" t="s">
        <v>223</v>
      </c>
      <c r="L218" s="149" t="s">
        <v>223</v>
      </c>
    </row>
    <row r="219" spans="1:14" ht="63.75" customHeight="1" x14ac:dyDescent="0.4">
      <c r="A219" s="142"/>
      <c r="B219" s="164" t="s">
        <v>423</v>
      </c>
      <c r="C219" s="150"/>
      <c r="D219" s="150"/>
      <c r="E219" s="150"/>
      <c r="F219" s="120"/>
      <c r="G219" s="408"/>
      <c r="H219" s="169"/>
      <c r="I219" s="145"/>
      <c r="J219" s="145"/>
      <c r="K219" s="150"/>
      <c r="L219" s="150"/>
    </row>
    <row r="220" spans="1:14" ht="33.75" customHeight="1" x14ac:dyDescent="0.4">
      <c r="A220" s="142"/>
      <c r="B220" s="164" t="s">
        <v>1088</v>
      </c>
      <c r="C220" s="150" t="s">
        <v>223</v>
      </c>
      <c r="D220" s="150" t="s">
        <v>223</v>
      </c>
      <c r="E220" s="150"/>
      <c r="F220" s="120"/>
      <c r="G220" s="4"/>
      <c r="H220" s="145" t="s">
        <v>995</v>
      </c>
      <c r="I220" s="145"/>
      <c r="J220" s="145"/>
      <c r="K220" s="150" t="s">
        <v>223</v>
      </c>
      <c r="L220" s="150" t="s">
        <v>223</v>
      </c>
    </row>
    <row r="221" spans="1:14" ht="150" customHeight="1" x14ac:dyDescent="0.4">
      <c r="A221" s="142"/>
      <c r="B221" s="164" t="s">
        <v>424</v>
      </c>
      <c r="C221" s="150"/>
      <c r="D221" s="150"/>
      <c r="E221" s="150"/>
      <c r="F221" s="3"/>
      <c r="G221" s="145"/>
      <c r="H221" s="145"/>
      <c r="I221" s="145" t="s">
        <v>425</v>
      </c>
      <c r="J221" s="145"/>
      <c r="K221" s="150"/>
      <c r="L221" s="150"/>
    </row>
    <row r="222" spans="1:14" ht="39.950000000000003" customHeight="1" x14ac:dyDescent="0.4">
      <c r="A222" s="142" t="s">
        <v>426</v>
      </c>
      <c r="B222" s="164"/>
      <c r="C222" s="150"/>
      <c r="D222" s="150"/>
      <c r="E222" s="150"/>
      <c r="F222" s="3"/>
      <c r="G222" s="145"/>
      <c r="H222" s="169"/>
      <c r="I222" s="145"/>
      <c r="J222" s="145"/>
      <c r="K222" s="150"/>
      <c r="L222" s="150"/>
    </row>
    <row r="223" spans="1:14" ht="75" customHeight="1" x14ac:dyDescent="0.4">
      <c r="A223" s="142"/>
      <c r="B223" s="164" t="s">
        <v>427</v>
      </c>
      <c r="C223" s="150" t="s">
        <v>223</v>
      </c>
      <c r="D223" s="150" t="s">
        <v>223</v>
      </c>
      <c r="E223" s="150"/>
      <c r="F223" s="120"/>
      <c r="G223" s="400" t="s">
        <v>1211</v>
      </c>
      <c r="H223" s="428"/>
      <c r="I223" s="408" t="s">
        <v>428</v>
      </c>
      <c r="J223" s="145" t="s">
        <v>1014</v>
      </c>
      <c r="K223" s="150" t="s">
        <v>223</v>
      </c>
      <c r="L223" s="150" t="s">
        <v>223</v>
      </c>
    </row>
    <row r="224" spans="1:14" ht="75" customHeight="1" x14ac:dyDescent="0.4">
      <c r="A224" s="142"/>
      <c r="B224" s="164" t="s">
        <v>429</v>
      </c>
      <c r="C224" s="150" t="s">
        <v>223</v>
      </c>
      <c r="D224" s="150" t="s">
        <v>223</v>
      </c>
      <c r="E224" s="150"/>
      <c r="F224" s="3"/>
      <c r="G224" s="432"/>
      <c r="H224" s="428"/>
      <c r="I224" s="409"/>
      <c r="J224" s="145"/>
      <c r="K224" s="150" t="s">
        <v>223</v>
      </c>
      <c r="L224" s="150" t="s">
        <v>223</v>
      </c>
    </row>
    <row r="225" spans="1:14" ht="75" customHeight="1" x14ac:dyDescent="0.4">
      <c r="A225" s="142"/>
      <c r="B225" s="164" t="s">
        <v>430</v>
      </c>
      <c r="C225" s="150" t="s">
        <v>223</v>
      </c>
      <c r="D225" s="150" t="s">
        <v>223</v>
      </c>
      <c r="E225" s="150"/>
      <c r="F225" s="3"/>
      <c r="G225" s="432"/>
      <c r="H225" s="428"/>
      <c r="I225" s="409"/>
      <c r="J225" s="145"/>
      <c r="K225" s="150" t="s">
        <v>223</v>
      </c>
      <c r="L225" s="150" t="s">
        <v>223</v>
      </c>
    </row>
    <row r="226" spans="1:14" ht="75" customHeight="1" x14ac:dyDescent="0.4">
      <c r="A226" s="142"/>
      <c r="B226" s="164" t="s">
        <v>431</v>
      </c>
      <c r="C226" s="150" t="s">
        <v>223</v>
      </c>
      <c r="D226" s="150" t="s">
        <v>223</v>
      </c>
      <c r="E226" s="150"/>
      <c r="F226" s="3"/>
      <c r="G226" s="432"/>
      <c r="H226" s="428"/>
      <c r="I226" s="409"/>
      <c r="J226" s="145"/>
      <c r="K226" s="150" t="s">
        <v>223</v>
      </c>
      <c r="L226" s="150" t="s">
        <v>223</v>
      </c>
    </row>
    <row r="227" spans="1:14" ht="75" customHeight="1" x14ac:dyDescent="0.4">
      <c r="A227" s="142"/>
      <c r="B227" s="164" t="s">
        <v>432</v>
      </c>
      <c r="C227" s="150" t="s">
        <v>223</v>
      </c>
      <c r="D227" s="150" t="s">
        <v>223</v>
      </c>
      <c r="E227" s="150"/>
      <c r="F227" s="120"/>
      <c r="G227" s="432"/>
      <c r="H227" s="428"/>
      <c r="I227" s="409"/>
      <c r="J227" s="145"/>
      <c r="K227" s="150" t="s">
        <v>223</v>
      </c>
      <c r="L227" s="150" t="s">
        <v>223</v>
      </c>
    </row>
    <row r="228" spans="1:14" ht="75" customHeight="1" x14ac:dyDescent="0.4">
      <c r="A228" s="142"/>
      <c r="B228" s="164" t="s">
        <v>433</v>
      </c>
      <c r="C228" s="150" t="s">
        <v>223</v>
      </c>
      <c r="D228" s="150" t="s">
        <v>223</v>
      </c>
      <c r="E228" s="150"/>
      <c r="F228" s="120"/>
      <c r="G228" s="432"/>
      <c r="H228" s="428"/>
      <c r="I228" s="409"/>
      <c r="J228" s="145"/>
      <c r="K228" s="150" t="s">
        <v>223</v>
      </c>
      <c r="L228" s="150" t="s">
        <v>223</v>
      </c>
    </row>
    <row r="229" spans="1:14" ht="65.099999999999994" customHeight="1" x14ac:dyDescent="0.4">
      <c r="A229" s="143"/>
      <c r="B229" s="159" t="s">
        <v>434</v>
      </c>
      <c r="C229" s="151" t="s">
        <v>223</v>
      </c>
      <c r="D229" s="151" t="s">
        <v>223</v>
      </c>
      <c r="E229" s="151"/>
      <c r="F229" s="120"/>
      <c r="G229" s="433"/>
      <c r="H229" s="430"/>
      <c r="I229" s="439"/>
      <c r="J229" s="146"/>
      <c r="K229" s="151" t="s">
        <v>223</v>
      </c>
      <c r="L229" s="151" t="s">
        <v>223</v>
      </c>
    </row>
    <row r="230" spans="1:14" ht="15" customHeight="1" x14ac:dyDescent="0.4">
      <c r="A230" s="141"/>
      <c r="B230" s="203" t="s">
        <v>435</v>
      </c>
      <c r="C230" s="149"/>
      <c r="D230" s="149"/>
      <c r="E230" s="149"/>
      <c r="F230" s="120"/>
      <c r="G230" s="135"/>
      <c r="H230" s="144"/>
      <c r="I230" s="144"/>
      <c r="J230" s="144"/>
      <c r="K230" s="149"/>
      <c r="L230" s="149"/>
      <c r="M230" s="172" t="s">
        <v>940</v>
      </c>
      <c r="N230" s="1" t="s">
        <v>944</v>
      </c>
    </row>
    <row r="231" spans="1:14" ht="105" customHeight="1" x14ac:dyDescent="0.4">
      <c r="A231" s="142"/>
      <c r="B231" s="202" t="s">
        <v>1117</v>
      </c>
      <c r="C231" s="150" t="s">
        <v>223</v>
      </c>
      <c r="D231" s="150" t="s">
        <v>223</v>
      </c>
      <c r="E231" s="150"/>
      <c r="F231" s="3"/>
      <c r="G231" s="4" t="s">
        <v>1157</v>
      </c>
      <c r="H231" s="145" t="s">
        <v>1158</v>
      </c>
      <c r="I231" s="145" t="s">
        <v>1159</v>
      </c>
      <c r="J231" s="145" t="s">
        <v>1160</v>
      </c>
      <c r="K231" s="150" t="s">
        <v>223</v>
      </c>
      <c r="L231" s="150" t="s">
        <v>223</v>
      </c>
      <c r="M231" s="172" t="s">
        <v>940</v>
      </c>
      <c r="N231" s="1" t="s">
        <v>944</v>
      </c>
    </row>
    <row r="232" spans="1:14" ht="39.950000000000003" customHeight="1" x14ac:dyDescent="0.4">
      <c r="A232" s="142"/>
      <c r="B232" s="202" t="s">
        <v>945</v>
      </c>
      <c r="C232" s="150" t="s">
        <v>223</v>
      </c>
      <c r="D232" s="150" t="s">
        <v>223</v>
      </c>
      <c r="E232" s="150"/>
      <c r="F232" s="120"/>
      <c r="G232" s="4" t="s">
        <v>1092</v>
      </c>
      <c r="H232" s="145" t="s">
        <v>436</v>
      </c>
      <c r="I232" s="145"/>
      <c r="J232" s="145"/>
      <c r="K232" s="150" t="s">
        <v>223</v>
      </c>
      <c r="L232" s="150" t="s">
        <v>223</v>
      </c>
      <c r="M232" s="172" t="s">
        <v>940</v>
      </c>
      <c r="N232" s="1" t="s">
        <v>944</v>
      </c>
    </row>
    <row r="233" spans="1:14" ht="99.95" customHeight="1" x14ac:dyDescent="0.4">
      <c r="A233" s="142"/>
      <c r="B233" s="202" t="s">
        <v>1116</v>
      </c>
      <c r="C233" s="150" t="s">
        <v>223</v>
      </c>
      <c r="D233" s="150" t="s">
        <v>223</v>
      </c>
      <c r="E233" s="150"/>
      <c r="F233" s="3"/>
      <c r="G233" s="400" t="s">
        <v>1161</v>
      </c>
      <c r="H233" s="399"/>
      <c r="I233" s="145"/>
      <c r="J233" s="145"/>
      <c r="K233" s="150" t="s">
        <v>223</v>
      </c>
      <c r="L233" s="150" t="s">
        <v>223</v>
      </c>
      <c r="M233" s="172" t="s">
        <v>940</v>
      </c>
      <c r="N233" s="1" t="s">
        <v>944</v>
      </c>
    </row>
    <row r="234" spans="1:14" ht="110.1" customHeight="1" x14ac:dyDescent="0.4">
      <c r="A234" s="142"/>
      <c r="B234" s="202" t="s">
        <v>946</v>
      </c>
      <c r="C234" s="150" t="s">
        <v>223</v>
      </c>
      <c r="D234" s="150" t="s">
        <v>223</v>
      </c>
      <c r="E234" s="150"/>
      <c r="F234" s="3"/>
      <c r="G234" s="400"/>
      <c r="H234" s="399"/>
      <c r="I234" s="145"/>
      <c r="J234" s="145"/>
      <c r="K234" s="150" t="s">
        <v>223</v>
      </c>
      <c r="L234" s="150" t="s">
        <v>223</v>
      </c>
      <c r="M234" s="172" t="s">
        <v>940</v>
      </c>
      <c r="N234" s="1" t="s">
        <v>944</v>
      </c>
    </row>
    <row r="235" spans="1:14" ht="39.950000000000003" customHeight="1" x14ac:dyDescent="0.4">
      <c r="A235" s="142"/>
      <c r="B235" s="167" t="s">
        <v>437</v>
      </c>
      <c r="C235" s="150" t="s">
        <v>223</v>
      </c>
      <c r="D235" s="150" t="s">
        <v>223</v>
      </c>
      <c r="E235" s="150"/>
      <c r="F235" s="3"/>
      <c r="G235" s="4"/>
      <c r="H235" s="145"/>
      <c r="I235" s="5"/>
      <c r="J235" s="145"/>
      <c r="K235" s="150" t="s">
        <v>223</v>
      </c>
      <c r="L235" s="150" t="s">
        <v>223</v>
      </c>
    </row>
    <row r="236" spans="1:14" ht="39.950000000000003" customHeight="1" x14ac:dyDescent="0.4">
      <c r="A236" s="142"/>
      <c r="B236" s="121" t="s">
        <v>438</v>
      </c>
      <c r="C236" s="150" t="s">
        <v>223</v>
      </c>
      <c r="D236" s="150" t="s">
        <v>223</v>
      </c>
      <c r="E236" s="150"/>
      <c r="F236" s="3"/>
      <c r="G236" s="4"/>
      <c r="H236" s="145"/>
      <c r="I236" s="5"/>
      <c r="J236" s="145"/>
      <c r="K236" s="150" t="s">
        <v>223</v>
      </c>
      <c r="L236" s="150" t="s">
        <v>223</v>
      </c>
    </row>
    <row r="237" spans="1:14" ht="39.950000000000003" customHeight="1" x14ac:dyDescent="0.4">
      <c r="A237" s="142"/>
      <c r="B237" s="121" t="s">
        <v>439</v>
      </c>
      <c r="C237" s="150" t="s">
        <v>223</v>
      </c>
      <c r="D237" s="150" t="s">
        <v>223</v>
      </c>
      <c r="E237" s="150"/>
      <c r="F237" s="3"/>
      <c r="G237" s="4"/>
      <c r="H237" s="145"/>
      <c r="I237" s="5"/>
      <c r="J237" s="145"/>
      <c r="K237" s="150" t="s">
        <v>223</v>
      </c>
      <c r="L237" s="150" t="s">
        <v>223</v>
      </c>
    </row>
    <row r="238" spans="1:14" ht="135" customHeight="1" x14ac:dyDescent="0.4">
      <c r="A238" s="142"/>
      <c r="B238" s="121" t="s">
        <v>440</v>
      </c>
      <c r="C238" s="150" t="s">
        <v>223</v>
      </c>
      <c r="D238" s="150" t="s">
        <v>223</v>
      </c>
      <c r="E238" s="150"/>
      <c r="F238" s="3"/>
      <c r="G238" s="4"/>
      <c r="H238" s="145"/>
      <c r="I238" s="5"/>
      <c r="J238" s="145" t="s">
        <v>977</v>
      </c>
      <c r="K238" s="150" t="s">
        <v>223</v>
      </c>
      <c r="L238" s="150" t="s">
        <v>223</v>
      </c>
    </row>
    <row r="239" spans="1:14" ht="50.1" customHeight="1" x14ac:dyDescent="0.4">
      <c r="A239" s="142"/>
      <c r="B239" s="202" t="s">
        <v>947</v>
      </c>
      <c r="C239" s="150" t="s">
        <v>223</v>
      </c>
      <c r="D239" s="150" t="s">
        <v>223</v>
      </c>
      <c r="E239" s="150"/>
      <c r="F239" s="3"/>
      <c r="G239" s="4" t="s">
        <v>1055</v>
      </c>
      <c r="H239" s="145"/>
      <c r="I239" s="431" t="s">
        <v>441</v>
      </c>
      <c r="J239" s="408" t="s">
        <v>971</v>
      </c>
      <c r="K239" s="150" t="s">
        <v>223</v>
      </c>
      <c r="L239" s="150" t="s">
        <v>223</v>
      </c>
      <c r="M239" s="172" t="s">
        <v>940</v>
      </c>
      <c r="N239" s="1" t="s">
        <v>944</v>
      </c>
    </row>
    <row r="240" spans="1:14" ht="80.099999999999994" customHeight="1" x14ac:dyDescent="0.4">
      <c r="A240" s="142"/>
      <c r="B240" s="202" t="s">
        <v>442</v>
      </c>
      <c r="C240" s="150" t="s">
        <v>223</v>
      </c>
      <c r="D240" s="150" t="s">
        <v>223</v>
      </c>
      <c r="E240" s="150"/>
      <c r="G240" s="4" t="s">
        <v>1056</v>
      </c>
      <c r="H240" s="145"/>
      <c r="I240" s="431"/>
      <c r="J240" s="408"/>
      <c r="K240" s="150" t="s">
        <v>223</v>
      </c>
      <c r="L240" s="150" t="s">
        <v>223</v>
      </c>
      <c r="M240" s="172" t="s">
        <v>940</v>
      </c>
      <c r="N240" s="1" t="s">
        <v>944</v>
      </c>
    </row>
    <row r="241" spans="1:14" ht="51.95" customHeight="1" x14ac:dyDescent="0.4">
      <c r="A241" s="142"/>
      <c r="B241" s="202" t="s">
        <v>948</v>
      </c>
      <c r="C241" s="150" t="s">
        <v>223</v>
      </c>
      <c r="D241" s="150" t="s">
        <v>223</v>
      </c>
      <c r="E241" s="150"/>
      <c r="G241" s="400" t="s">
        <v>1091</v>
      </c>
      <c r="H241" s="408" t="s">
        <v>443</v>
      </c>
      <c r="I241" s="431"/>
      <c r="J241" s="408" t="s">
        <v>978</v>
      </c>
      <c r="K241" s="150" t="s">
        <v>223</v>
      </c>
      <c r="L241" s="150" t="s">
        <v>223</v>
      </c>
      <c r="M241" s="172" t="s">
        <v>940</v>
      </c>
      <c r="N241" s="1" t="s">
        <v>944</v>
      </c>
    </row>
    <row r="242" spans="1:14" ht="80.099999999999994" customHeight="1" x14ac:dyDescent="0.4">
      <c r="A242" s="143"/>
      <c r="B242" s="204" t="s">
        <v>1118</v>
      </c>
      <c r="C242" s="151" t="s">
        <v>223</v>
      </c>
      <c r="D242" s="151" t="s">
        <v>223</v>
      </c>
      <c r="E242" s="151"/>
      <c r="G242" s="422"/>
      <c r="H242" s="410"/>
      <c r="I242" s="434"/>
      <c r="J242" s="410"/>
      <c r="K242" s="151" t="s">
        <v>223</v>
      </c>
      <c r="L242" s="151" t="s">
        <v>223</v>
      </c>
      <c r="M242" s="172" t="s">
        <v>940</v>
      </c>
      <c r="N242" s="1" t="s">
        <v>944</v>
      </c>
    </row>
    <row r="243" spans="1:14" ht="69.95" customHeight="1" x14ac:dyDescent="0.4">
      <c r="A243" s="141"/>
      <c r="B243" s="203" t="s">
        <v>949</v>
      </c>
      <c r="C243" s="149" t="s">
        <v>223</v>
      </c>
      <c r="D243" s="149" t="s">
        <v>223</v>
      </c>
      <c r="E243" s="149"/>
      <c r="G243" s="135"/>
      <c r="H243" s="144"/>
      <c r="I243" s="136"/>
      <c r="J243" s="144" t="s">
        <v>981</v>
      </c>
      <c r="K243" s="149" t="s">
        <v>223</v>
      </c>
      <c r="L243" s="149" t="s">
        <v>223</v>
      </c>
      <c r="M243" s="172" t="s">
        <v>940</v>
      </c>
      <c r="N243" s="1" t="s">
        <v>944</v>
      </c>
    </row>
    <row r="244" spans="1:14" ht="69.95" customHeight="1" x14ac:dyDescent="0.4">
      <c r="A244" s="142"/>
      <c r="B244" s="202" t="s">
        <v>1133</v>
      </c>
      <c r="C244" s="150" t="s">
        <v>223</v>
      </c>
      <c r="D244" s="150" t="s">
        <v>223</v>
      </c>
      <c r="E244" s="150"/>
      <c r="G244" s="4"/>
      <c r="H244" s="145"/>
      <c r="I244" s="5"/>
      <c r="J244" s="145" t="s">
        <v>980</v>
      </c>
      <c r="K244" s="150" t="s">
        <v>223</v>
      </c>
      <c r="L244" s="150" t="s">
        <v>223</v>
      </c>
      <c r="M244" s="172" t="s">
        <v>940</v>
      </c>
      <c r="N244" s="1" t="s">
        <v>944</v>
      </c>
    </row>
    <row r="245" spans="1:14" ht="69.95" customHeight="1" x14ac:dyDescent="0.4">
      <c r="A245" s="142"/>
      <c r="B245" s="202" t="s">
        <v>1134</v>
      </c>
      <c r="C245" s="150" t="s">
        <v>223</v>
      </c>
      <c r="D245" s="150" t="s">
        <v>223</v>
      </c>
      <c r="E245" s="150"/>
      <c r="G245" s="4"/>
      <c r="H245" s="145"/>
      <c r="I245" s="5"/>
      <c r="J245" s="145" t="s">
        <v>980</v>
      </c>
      <c r="K245" s="150" t="s">
        <v>223</v>
      </c>
      <c r="L245" s="150" t="s">
        <v>223</v>
      </c>
      <c r="M245" s="172" t="s">
        <v>940</v>
      </c>
      <c r="N245" s="1" t="s">
        <v>944</v>
      </c>
    </row>
    <row r="246" spans="1:14" ht="69.95" customHeight="1" x14ac:dyDescent="0.4">
      <c r="A246" s="142"/>
      <c r="B246" s="202" t="s">
        <v>950</v>
      </c>
      <c r="C246" s="150" t="s">
        <v>223</v>
      </c>
      <c r="D246" s="150" t="s">
        <v>223</v>
      </c>
      <c r="E246" s="150"/>
      <c r="G246" s="4"/>
      <c r="H246" s="145"/>
      <c r="I246" s="5"/>
      <c r="J246" s="145" t="s">
        <v>979</v>
      </c>
      <c r="K246" s="150" t="s">
        <v>223</v>
      </c>
      <c r="L246" s="150" t="s">
        <v>223</v>
      </c>
      <c r="M246" s="172" t="s">
        <v>940</v>
      </c>
      <c r="N246" s="1" t="s">
        <v>944</v>
      </c>
    </row>
    <row r="247" spans="1:14" ht="50.1" customHeight="1" x14ac:dyDescent="0.4">
      <c r="A247" s="142"/>
      <c r="B247" s="202" t="s">
        <v>444</v>
      </c>
      <c r="C247" s="150" t="s">
        <v>223</v>
      </c>
      <c r="D247" s="150" t="s">
        <v>223</v>
      </c>
      <c r="E247" s="150"/>
      <c r="G247" s="400" t="s">
        <v>1093</v>
      </c>
      <c r="H247" s="408" t="s">
        <v>445</v>
      </c>
      <c r="I247" s="431" t="s">
        <v>953</v>
      </c>
      <c r="J247" s="408" t="s">
        <v>971</v>
      </c>
      <c r="K247" s="150" t="s">
        <v>223</v>
      </c>
      <c r="L247" s="150" t="s">
        <v>223</v>
      </c>
      <c r="M247" s="172" t="s">
        <v>940</v>
      </c>
      <c r="N247" s="1" t="s">
        <v>944</v>
      </c>
    </row>
    <row r="248" spans="1:14" ht="320.25" customHeight="1" x14ac:dyDescent="0.4">
      <c r="A248" s="142"/>
      <c r="B248" s="202" t="s">
        <v>446</v>
      </c>
      <c r="C248" s="150" t="s">
        <v>223</v>
      </c>
      <c r="D248" s="150" t="s">
        <v>223</v>
      </c>
      <c r="E248" s="150"/>
      <c r="G248" s="400"/>
      <c r="H248" s="408"/>
      <c r="I248" s="431"/>
      <c r="J248" s="408"/>
      <c r="K248" s="150" t="s">
        <v>223</v>
      </c>
      <c r="L248" s="150" t="s">
        <v>223</v>
      </c>
      <c r="M248" s="172" t="s">
        <v>940</v>
      </c>
      <c r="N248" s="1" t="s">
        <v>944</v>
      </c>
    </row>
    <row r="249" spans="1:14" ht="69.95" customHeight="1" x14ac:dyDescent="0.4">
      <c r="A249" s="142"/>
      <c r="B249" s="202" t="s">
        <v>447</v>
      </c>
      <c r="C249" s="150" t="s">
        <v>223</v>
      </c>
      <c r="D249" s="150" t="s">
        <v>223</v>
      </c>
      <c r="E249" s="150"/>
      <c r="G249" s="400"/>
      <c r="H249" s="408"/>
      <c r="I249" s="5"/>
      <c r="J249" s="145"/>
      <c r="K249" s="150" t="s">
        <v>223</v>
      </c>
      <c r="L249" s="150" t="s">
        <v>223</v>
      </c>
      <c r="M249" s="172" t="s">
        <v>940</v>
      </c>
      <c r="N249" s="1" t="s">
        <v>944</v>
      </c>
    </row>
    <row r="250" spans="1:14" ht="51.95" customHeight="1" x14ac:dyDescent="0.4">
      <c r="A250" s="142"/>
      <c r="B250" s="202" t="s">
        <v>951</v>
      </c>
      <c r="C250" s="150" t="s">
        <v>223</v>
      </c>
      <c r="D250" s="150" t="s">
        <v>223</v>
      </c>
      <c r="E250" s="150"/>
      <c r="G250" s="4"/>
      <c r="H250" s="145"/>
      <c r="I250" s="5"/>
      <c r="J250" s="145"/>
      <c r="K250" s="150" t="s">
        <v>223</v>
      </c>
      <c r="L250" s="150" t="s">
        <v>223</v>
      </c>
      <c r="M250" s="172" t="s">
        <v>940</v>
      </c>
      <c r="N250" s="1" t="s">
        <v>944</v>
      </c>
    </row>
    <row r="251" spans="1:14" ht="69.95" customHeight="1" x14ac:dyDescent="0.4">
      <c r="A251" s="143"/>
      <c r="B251" s="204" t="s">
        <v>952</v>
      </c>
      <c r="C251" s="151" t="s">
        <v>223</v>
      </c>
      <c r="D251" s="151" t="s">
        <v>223</v>
      </c>
      <c r="E251" s="151"/>
      <c r="G251" s="8"/>
      <c r="H251" s="146"/>
      <c r="I251" s="6"/>
      <c r="J251" s="146"/>
      <c r="K251" s="151" t="s">
        <v>223</v>
      </c>
      <c r="L251" s="151" t="s">
        <v>223</v>
      </c>
      <c r="M251" s="172" t="s">
        <v>940</v>
      </c>
      <c r="N251" s="1" t="s">
        <v>944</v>
      </c>
    </row>
    <row r="252" spans="1:14" ht="129.94999999999999" customHeight="1" x14ac:dyDescent="0.4">
      <c r="A252" s="141" t="s">
        <v>448</v>
      </c>
      <c r="B252" s="132" t="s">
        <v>449</v>
      </c>
      <c r="C252" s="149" t="s">
        <v>223</v>
      </c>
      <c r="D252" s="149" t="s">
        <v>223</v>
      </c>
      <c r="E252" s="149"/>
      <c r="G252" s="135"/>
      <c r="H252" s="144"/>
      <c r="I252" s="136"/>
      <c r="J252" s="144"/>
      <c r="K252" s="149" t="s">
        <v>223</v>
      </c>
      <c r="L252" s="149" t="s">
        <v>223</v>
      </c>
    </row>
    <row r="253" spans="1:14" ht="99.95" customHeight="1" x14ac:dyDescent="0.4">
      <c r="A253" s="142"/>
      <c r="B253" s="202" t="s">
        <v>1119</v>
      </c>
      <c r="C253" s="150" t="s">
        <v>223</v>
      </c>
      <c r="D253" s="150" t="s">
        <v>223</v>
      </c>
      <c r="E253" s="150"/>
      <c r="G253" s="4" t="s">
        <v>1054</v>
      </c>
      <c r="H253" s="145"/>
      <c r="I253" s="5" t="s">
        <v>450</v>
      </c>
      <c r="J253" s="145" t="s">
        <v>972</v>
      </c>
      <c r="K253" s="150" t="s">
        <v>223</v>
      </c>
      <c r="L253" s="150" t="s">
        <v>223</v>
      </c>
      <c r="M253" s="172" t="s">
        <v>940</v>
      </c>
      <c r="N253" s="1" t="s">
        <v>944</v>
      </c>
    </row>
    <row r="254" spans="1:14" ht="99.95" customHeight="1" x14ac:dyDescent="0.4">
      <c r="A254" s="142"/>
      <c r="B254" s="202" t="s">
        <v>1120</v>
      </c>
      <c r="C254" s="150" t="s">
        <v>223</v>
      </c>
      <c r="D254" s="150" t="s">
        <v>223</v>
      </c>
      <c r="E254" s="150"/>
      <c r="G254" s="4" t="s">
        <v>1057</v>
      </c>
      <c r="H254" s="145"/>
      <c r="I254" s="5" t="s">
        <v>451</v>
      </c>
      <c r="J254" s="145"/>
      <c r="K254" s="150" t="s">
        <v>223</v>
      </c>
      <c r="L254" s="150" t="s">
        <v>223</v>
      </c>
      <c r="M254" s="172" t="s">
        <v>940</v>
      </c>
      <c r="N254" s="1" t="s">
        <v>944</v>
      </c>
    </row>
    <row r="255" spans="1:14" ht="50.25" customHeight="1" x14ac:dyDescent="0.4">
      <c r="A255" s="142" t="s">
        <v>452</v>
      </c>
      <c r="B255" s="121" t="s">
        <v>453</v>
      </c>
      <c r="C255" s="150" t="s">
        <v>223</v>
      </c>
      <c r="D255" s="150" t="s">
        <v>223</v>
      </c>
      <c r="E255" s="150"/>
      <c r="G255" s="4" t="s">
        <v>1094</v>
      </c>
      <c r="H255" s="145" t="s">
        <v>454</v>
      </c>
      <c r="I255" s="5" t="s">
        <v>455</v>
      </c>
      <c r="J255" s="145"/>
      <c r="K255" s="150" t="s">
        <v>223</v>
      </c>
      <c r="L255" s="150" t="s">
        <v>223</v>
      </c>
    </row>
    <row r="256" spans="1:14" ht="140.1" customHeight="1" x14ac:dyDescent="0.4">
      <c r="A256" s="125"/>
      <c r="B256" s="121"/>
      <c r="C256" s="120"/>
      <c r="D256" s="120"/>
      <c r="E256" s="126"/>
      <c r="G256" s="4"/>
      <c r="H256" s="145"/>
      <c r="I256" s="5"/>
      <c r="J256" s="145"/>
      <c r="K256" s="153"/>
      <c r="L256" s="153"/>
    </row>
    <row r="257" spans="1:12" ht="99.95" customHeight="1" x14ac:dyDescent="0.4">
      <c r="A257" s="142"/>
      <c r="B257" s="121" t="s">
        <v>456</v>
      </c>
      <c r="C257" s="150"/>
      <c r="D257" s="150"/>
      <c r="E257" s="150"/>
      <c r="G257" s="4"/>
      <c r="H257" s="145"/>
      <c r="I257" s="5"/>
      <c r="J257" s="145"/>
      <c r="K257" s="153"/>
      <c r="L257" s="153"/>
    </row>
    <row r="258" spans="1:12" ht="39.950000000000003" customHeight="1" x14ac:dyDescent="0.4">
      <c r="A258" s="142"/>
      <c r="B258" s="121" t="s">
        <v>457</v>
      </c>
      <c r="C258" s="150" t="s">
        <v>223</v>
      </c>
      <c r="D258" s="150" t="s">
        <v>223</v>
      </c>
      <c r="E258" s="150"/>
      <c r="G258" s="4"/>
      <c r="H258" s="145"/>
      <c r="I258" s="5"/>
      <c r="J258" s="145"/>
      <c r="K258" s="150" t="s">
        <v>223</v>
      </c>
      <c r="L258" s="150" t="s">
        <v>223</v>
      </c>
    </row>
    <row r="259" spans="1:12" ht="99.95" customHeight="1" x14ac:dyDescent="0.4">
      <c r="A259" s="125"/>
      <c r="B259" s="121"/>
      <c r="C259" s="120"/>
      <c r="D259" s="120"/>
      <c r="E259" s="126"/>
      <c r="G259" s="4"/>
      <c r="H259" s="145"/>
      <c r="I259" s="5"/>
      <c r="J259" s="145"/>
      <c r="K259" s="150"/>
      <c r="L259" s="150"/>
    </row>
    <row r="260" spans="1:12" ht="120" customHeight="1" x14ac:dyDescent="0.4">
      <c r="A260" s="143"/>
      <c r="B260" s="128" t="s">
        <v>458</v>
      </c>
      <c r="C260" s="151"/>
      <c r="D260" s="151"/>
      <c r="E260" s="151"/>
      <c r="G260" s="8"/>
      <c r="H260" s="146"/>
      <c r="I260" s="6"/>
      <c r="J260" s="146"/>
      <c r="K260" s="151"/>
      <c r="L260" s="151"/>
    </row>
    <row r="261" spans="1:12" ht="80.099999999999994" customHeight="1" x14ac:dyDescent="0.4">
      <c r="A261" s="141" t="s">
        <v>459</v>
      </c>
      <c r="B261" s="132" t="s">
        <v>460</v>
      </c>
      <c r="C261" s="149" t="s">
        <v>223</v>
      </c>
      <c r="D261" s="149" t="s">
        <v>223</v>
      </c>
      <c r="E261" s="149"/>
      <c r="G261" s="135" t="s">
        <v>461</v>
      </c>
      <c r="H261" s="144" t="s">
        <v>462</v>
      </c>
      <c r="I261" s="136" t="s">
        <v>463</v>
      </c>
      <c r="J261" s="135"/>
      <c r="K261" s="149" t="s">
        <v>223</v>
      </c>
      <c r="L261" s="149" t="s">
        <v>223</v>
      </c>
    </row>
    <row r="262" spans="1:12" ht="80.099999999999994" customHeight="1" x14ac:dyDescent="0.4">
      <c r="A262" s="142"/>
      <c r="B262" s="121" t="s">
        <v>464</v>
      </c>
      <c r="C262" s="150" t="s">
        <v>223</v>
      </c>
      <c r="D262" s="150" t="s">
        <v>223</v>
      </c>
      <c r="E262" s="150"/>
      <c r="G262" s="4"/>
      <c r="H262" s="145"/>
      <c r="I262" s="431" t="s">
        <v>465</v>
      </c>
      <c r="J262" s="4"/>
      <c r="K262" s="150" t="s">
        <v>223</v>
      </c>
      <c r="L262" s="150" t="s">
        <v>223</v>
      </c>
    </row>
    <row r="263" spans="1:12" ht="80.099999999999994" customHeight="1" x14ac:dyDescent="0.4">
      <c r="A263" s="142"/>
      <c r="B263" s="121" t="s">
        <v>1095</v>
      </c>
      <c r="C263" s="150" t="s">
        <v>223</v>
      </c>
      <c r="D263" s="150" t="s">
        <v>223</v>
      </c>
      <c r="E263" s="150"/>
      <c r="G263" s="400" t="s">
        <v>466</v>
      </c>
      <c r="H263" s="145"/>
      <c r="I263" s="431"/>
      <c r="J263" s="4"/>
      <c r="K263" s="150" t="s">
        <v>223</v>
      </c>
      <c r="L263" s="150" t="s">
        <v>223</v>
      </c>
    </row>
    <row r="264" spans="1:12" ht="21" customHeight="1" x14ac:dyDescent="0.4">
      <c r="A264" s="142"/>
      <c r="B264" s="121" t="s">
        <v>467</v>
      </c>
      <c r="C264" s="150" t="s">
        <v>223</v>
      </c>
      <c r="D264" s="150" t="s">
        <v>223</v>
      </c>
      <c r="E264" s="150"/>
      <c r="G264" s="400"/>
      <c r="H264" s="145"/>
      <c r="I264" s="5"/>
      <c r="J264" s="4"/>
      <c r="K264" s="150" t="s">
        <v>223</v>
      </c>
      <c r="L264" s="150" t="s">
        <v>223</v>
      </c>
    </row>
    <row r="265" spans="1:12" ht="150" customHeight="1" x14ac:dyDescent="0.4">
      <c r="A265" s="142"/>
      <c r="B265" s="121"/>
      <c r="C265" s="150"/>
      <c r="D265" s="150"/>
      <c r="E265" s="150"/>
      <c r="G265" s="400"/>
      <c r="H265" s="145"/>
      <c r="I265" s="5"/>
      <c r="J265" s="4"/>
      <c r="K265" s="150"/>
      <c r="L265" s="150"/>
    </row>
    <row r="266" spans="1:12" ht="50.1" customHeight="1" x14ac:dyDescent="0.4">
      <c r="A266" s="142"/>
      <c r="B266" s="121" t="s">
        <v>468</v>
      </c>
      <c r="C266" s="150" t="s">
        <v>223</v>
      </c>
      <c r="D266" s="150" t="s">
        <v>223</v>
      </c>
      <c r="E266" s="150"/>
      <c r="G266" s="4"/>
      <c r="H266" s="145"/>
      <c r="I266" s="5"/>
      <c r="J266" s="4"/>
      <c r="K266" s="150" t="s">
        <v>223</v>
      </c>
      <c r="L266" s="150" t="s">
        <v>223</v>
      </c>
    </row>
    <row r="267" spans="1:12" ht="99.95" customHeight="1" x14ac:dyDescent="0.4">
      <c r="A267" s="142"/>
      <c r="B267" s="121"/>
      <c r="C267" s="150"/>
      <c r="D267" s="150"/>
      <c r="E267" s="150"/>
      <c r="G267" s="4"/>
      <c r="H267" s="145"/>
      <c r="I267" s="5"/>
      <c r="J267" s="4"/>
      <c r="K267" s="150" t="s">
        <v>223</v>
      </c>
      <c r="L267" s="150" t="s">
        <v>223</v>
      </c>
    </row>
    <row r="268" spans="1:12" ht="50.1" customHeight="1" x14ac:dyDescent="0.4">
      <c r="A268" s="142"/>
      <c r="B268" s="121" t="s">
        <v>469</v>
      </c>
      <c r="C268" s="150" t="s">
        <v>223</v>
      </c>
      <c r="D268" s="150" t="s">
        <v>223</v>
      </c>
      <c r="E268" s="150"/>
      <c r="G268" s="400" t="s">
        <v>470</v>
      </c>
      <c r="H268" s="145" t="s">
        <v>471</v>
      </c>
      <c r="I268" s="5"/>
      <c r="J268" s="4"/>
      <c r="K268" s="150" t="s">
        <v>223</v>
      </c>
      <c r="L268" s="150" t="s">
        <v>223</v>
      </c>
    </row>
    <row r="269" spans="1:12" ht="200.1" customHeight="1" x14ac:dyDescent="0.4">
      <c r="A269" s="143"/>
      <c r="B269" s="128" t="s">
        <v>472</v>
      </c>
      <c r="C269" s="168"/>
      <c r="D269" s="168"/>
      <c r="E269" s="168"/>
      <c r="G269" s="422"/>
      <c r="H269" s="146"/>
      <c r="I269" s="6"/>
      <c r="J269" s="146"/>
      <c r="K269" s="168"/>
      <c r="L269" s="168"/>
    </row>
    <row r="270" spans="1:12" ht="69.95" customHeight="1" x14ac:dyDescent="0.4">
      <c r="A270" s="125" t="s">
        <v>891</v>
      </c>
      <c r="B270" s="158" t="s">
        <v>892</v>
      </c>
      <c r="C270" s="150" t="s">
        <v>223</v>
      </c>
      <c r="D270" s="150" t="s">
        <v>223</v>
      </c>
      <c r="E270" s="200"/>
      <c r="G270" s="144" t="s">
        <v>1107</v>
      </c>
      <c r="H270" s="144" t="s">
        <v>893</v>
      </c>
      <c r="I270" s="144" t="s">
        <v>894</v>
      </c>
      <c r="J270" s="421" t="s">
        <v>961</v>
      </c>
      <c r="K270" s="150" t="s">
        <v>223</v>
      </c>
      <c r="L270" s="150" t="s">
        <v>223</v>
      </c>
    </row>
    <row r="271" spans="1:12" ht="69.95" customHeight="1" x14ac:dyDescent="0.4">
      <c r="A271" s="125"/>
      <c r="B271" s="164" t="s">
        <v>895</v>
      </c>
      <c r="C271" s="150" t="s">
        <v>223</v>
      </c>
      <c r="D271" s="150" t="s">
        <v>223</v>
      </c>
      <c r="E271" s="153"/>
      <c r="G271" s="145"/>
      <c r="H271" s="145"/>
      <c r="I271" s="145" t="s">
        <v>982</v>
      </c>
      <c r="J271" s="409"/>
      <c r="K271" s="150" t="s">
        <v>223</v>
      </c>
      <c r="L271" s="150" t="s">
        <v>223</v>
      </c>
    </row>
    <row r="272" spans="1:12" ht="69.95" customHeight="1" x14ac:dyDescent="0.4">
      <c r="A272" s="125"/>
      <c r="B272" s="164" t="s">
        <v>896</v>
      </c>
      <c r="C272" s="150" t="s">
        <v>223</v>
      </c>
      <c r="D272" s="150" t="s">
        <v>223</v>
      </c>
      <c r="E272" s="153"/>
      <c r="G272" s="145"/>
      <c r="H272" s="145"/>
      <c r="I272" s="145" t="s">
        <v>983</v>
      </c>
      <c r="J272" s="145"/>
      <c r="K272" s="150" t="s">
        <v>223</v>
      </c>
      <c r="L272" s="150" t="s">
        <v>223</v>
      </c>
    </row>
    <row r="273" spans="1:12" ht="69.95" customHeight="1" x14ac:dyDescent="0.4">
      <c r="A273" s="125"/>
      <c r="B273" s="164" t="s">
        <v>897</v>
      </c>
      <c r="C273" s="150" t="s">
        <v>223</v>
      </c>
      <c r="D273" s="150" t="s">
        <v>223</v>
      </c>
      <c r="E273" s="153"/>
      <c r="G273" s="145"/>
      <c r="H273" s="145"/>
      <c r="I273" s="145" t="s">
        <v>984</v>
      </c>
      <c r="J273" s="145"/>
      <c r="K273" s="150" t="s">
        <v>223</v>
      </c>
      <c r="L273" s="150" t="s">
        <v>223</v>
      </c>
    </row>
    <row r="274" spans="1:12" ht="69.95" customHeight="1" x14ac:dyDescent="0.4">
      <c r="A274" s="125"/>
      <c r="B274" s="164" t="s">
        <v>898</v>
      </c>
      <c r="C274" s="150" t="s">
        <v>223</v>
      </c>
      <c r="D274" s="150" t="s">
        <v>223</v>
      </c>
      <c r="E274" s="153"/>
      <c r="G274" s="145"/>
      <c r="H274" s="145"/>
      <c r="I274" s="145" t="s">
        <v>985</v>
      </c>
      <c r="J274" s="145"/>
      <c r="K274" s="150" t="s">
        <v>223</v>
      </c>
      <c r="L274" s="150" t="s">
        <v>223</v>
      </c>
    </row>
    <row r="275" spans="1:12" ht="69.95" customHeight="1" x14ac:dyDescent="0.4">
      <c r="A275" s="125"/>
      <c r="B275" s="164" t="s">
        <v>899</v>
      </c>
      <c r="C275" s="150" t="s">
        <v>223</v>
      </c>
      <c r="D275" s="150" t="s">
        <v>223</v>
      </c>
      <c r="E275" s="153"/>
      <c r="G275" s="145"/>
      <c r="H275" s="145"/>
      <c r="I275" s="145" t="s">
        <v>986</v>
      </c>
      <c r="J275" s="145"/>
      <c r="K275" s="150" t="s">
        <v>223</v>
      </c>
      <c r="L275" s="150" t="s">
        <v>223</v>
      </c>
    </row>
    <row r="276" spans="1:12" ht="69.95" customHeight="1" x14ac:dyDescent="0.4">
      <c r="A276" s="125"/>
      <c r="B276" s="164" t="s">
        <v>900</v>
      </c>
      <c r="C276" s="150" t="s">
        <v>223</v>
      </c>
      <c r="D276" s="150" t="s">
        <v>223</v>
      </c>
      <c r="E276" s="153"/>
      <c r="G276" s="145"/>
      <c r="H276" s="145"/>
      <c r="I276" s="145" t="s">
        <v>987</v>
      </c>
      <c r="J276" s="145"/>
      <c r="K276" s="150" t="s">
        <v>223</v>
      </c>
      <c r="L276" s="150" t="s">
        <v>223</v>
      </c>
    </row>
    <row r="277" spans="1:12" ht="69.95" customHeight="1" x14ac:dyDescent="0.4">
      <c r="A277" s="125"/>
      <c r="B277" s="164" t="s">
        <v>901</v>
      </c>
      <c r="C277" s="150" t="s">
        <v>223</v>
      </c>
      <c r="D277" s="150" t="s">
        <v>223</v>
      </c>
      <c r="E277" s="153"/>
      <c r="G277" s="145"/>
      <c r="H277" s="145"/>
      <c r="I277" s="145" t="s">
        <v>988</v>
      </c>
      <c r="J277" s="145"/>
      <c r="K277" s="150" t="s">
        <v>223</v>
      </c>
      <c r="L277" s="150" t="s">
        <v>223</v>
      </c>
    </row>
    <row r="278" spans="1:12" ht="69.95" customHeight="1" x14ac:dyDescent="0.4">
      <c r="A278" s="125"/>
      <c r="B278" s="164" t="s">
        <v>902</v>
      </c>
      <c r="C278" s="150" t="s">
        <v>223</v>
      </c>
      <c r="D278" s="150" t="s">
        <v>223</v>
      </c>
      <c r="E278" s="153"/>
      <c r="G278" s="145"/>
      <c r="H278" s="145"/>
      <c r="I278" s="145" t="s">
        <v>989</v>
      </c>
      <c r="J278" s="145"/>
      <c r="K278" s="150" t="s">
        <v>223</v>
      </c>
      <c r="L278" s="150" t="s">
        <v>223</v>
      </c>
    </row>
    <row r="279" spans="1:12" ht="69.95" customHeight="1" x14ac:dyDescent="0.4">
      <c r="A279" s="125"/>
      <c r="B279" s="164" t="s">
        <v>903</v>
      </c>
      <c r="C279" s="150" t="s">
        <v>223</v>
      </c>
      <c r="D279" s="150" t="s">
        <v>223</v>
      </c>
      <c r="E279" s="153"/>
      <c r="G279" s="145"/>
      <c r="H279" s="145"/>
      <c r="I279" s="145" t="s">
        <v>990</v>
      </c>
      <c r="J279" s="145"/>
      <c r="K279" s="150" t="s">
        <v>223</v>
      </c>
      <c r="L279" s="150" t="s">
        <v>223</v>
      </c>
    </row>
    <row r="280" spans="1:12" ht="69.95" customHeight="1" x14ac:dyDescent="0.4">
      <c r="A280" s="125"/>
      <c r="B280" s="164" t="s">
        <v>904</v>
      </c>
      <c r="C280" s="150" t="s">
        <v>223</v>
      </c>
      <c r="D280" s="150" t="s">
        <v>223</v>
      </c>
      <c r="E280" s="153"/>
      <c r="G280" s="145"/>
      <c r="H280" s="145"/>
      <c r="I280" s="145" t="s">
        <v>1162</v>
      </c>
      <c r="J280" s="145"/>
      <c r="K280" s="150" t="s">
        <v>223</v>
      </c>
      <c r="L280" s="150" t="s">
        <v>223</v>
      </c>
    </row>
    <row r="281" spans="1:12" ht="69.95" customHeight="1" x14ac:dyDescent="0.4">
      <c r="A281" s="127"/>
      <c r="B281" s="159" t="s">
        <v>907</v>
      </c>
      <c r="C281" s="151" t="s">
        <v>223</v>
      </c>
      <c r="D281" s="151" t="s">
        <v>223</v>
      </c>
      <c r="E281" s="168"/>
      <c r="G281" s="146"/>
      <c r="H281" s="146"/>
      <c r="I281" s="146" t="s">
        <v>991</v>
      </c>
      <c r="J281" s="146"/>
      <c r="K281" s="151" t="s">
        <v>223</v>
      </c>
      <c r="L281" s="151" t="s">
        <v>223</v>
      </c>
    </row>
    <row r="282" spans="1:12" ht="20.100000000000001" customHeight="1" x14ac:dyDescent="0.4">
      <c r="A282" s="418" t="s">
        <v>473</v>
      </c>
      <c r="B282" s="419"/>
      <c r="C282" s="419"/>
      <c r="D282" s="419"/>
      <c r="E282" s="420"/>
      <c r="G282" s="395"/>
      <c r="H282" s="396"/>
      <c r="I282" s="396"/>
      <c r="J282" s="396"/>
      <c r="K282" s="396"/>
      <c r="L282" s="397"/>
    </row>
    <row r="283" spans="1:12" ht="99.95" customHeight="1" x14ac:dyDescent="0.4">
      <c r="A283" s="142" t="s">
        <v>886</v>
      </c>
      <c r="B283" s="121" t="s">
        <v>474</v>
      </c>
      <c r="C283" s="150" t="s">
        <v>223</v>
      </c>
      <c r="D283" s="150" t="s">
        <v>223</v>
      </c>
      <c r="E283" s="150"/>
      <c r="G283" s="4" t="s">
        <v>475</v>
      </c>
      <c r="H283" s="145" t="s">
        <v>476</v>
      </c>
      <c r="I283" s="5"/>
      <c r="J283" s="145" t="s">
        <v>1096</v>
      </c>
      <c r="K283" s="150" t="s">
        <v>223</v>
      </c>
      <c r="L283" s="150" t="s">
        <v>223</v>
      </c>
    </row>
    <row r="284" spans="1:12" ht="69.95" customHeight="1" x14ac:dyDescent="0.4">
      <c r="A284" s="142"/>
      <c r="B284" s="121" t="s">
        <v>477</v>
      </c>
      <c r="C284" s="150" t="s">
        <v>223</v>
      </c>
      <c r="D284" s="150" t="s">
        <v>223</v>
      </c>
      <c r="E284" s="150"/>
      <c r="G284" s="145" t="s">
        <v>478</v>
      </c>
      <c r="H284" s="145"/>
      <c r="I284" s="5"/>
      <c r="J284" s="145"/>
      <c r="K284" s="150" t="s">
        <v>223</v>
      </c>
      <c r="L284" s="150" t="s">
        <v>223</v>
      </c>
    </row>
    <row r="285" spans="1:12" ht="80.099999999999994" customHeight="1" x14ac:dyDescent="0.4">
      <c r="A285" s="142"/>
      <c r="B285" s="121" t="s">
        <v>479</v>
      </c>
      <c r="C285" s="150" t="s">
        <v>223</v>
      </c>
      <c r="D285" s="150" t="s">
        <v>223</v>
      </c>
      <c r="E285" s="150"/>
      <c r="G285" s="145" t="s">
        <v>480</v>
      </c>
      <c r="H285" s="145"/>
      <c r="I285" s="5"/>
      <c r="J285" s="145"/>
      <c r="K285" s="150" t="s">
        <v>223</v>
      </c>
      <c r="L285" s="150" t="s">
        <v>223</v>
      </c>
    </row>
    <row r="286" spans="1:12" ht="120" customHeight="1" x14ac:dyDescent="0.4">
      <c r="A286" s="142"/>
      <c r="B286" s="121" t="s">
        <v>1213</v>
      </c>
      <c r="C286" s="150" t="s">
        <v>223</v>
      </c>
      <c r="D286" s="150" t="s">
        <v>223</v>
      </c>
      <c r="E286" s="150"/>
      <c r="G286" s="145" t="s">
        <v>1135</v>
      </c>
      <c r="H286" s="145" t="s">
        <v>481</v>
      </c>
      <c r="I286" s="5" t="s">
        <v>482</v>
      </c>
      <c r="J286" s="145"/>
      <c r="K286" s="150" t="s">
        <v>223</v>
      </c>
      <c r="L286" s="150" t="s">
        <v>223</v>
      </c>
    </row>
    <row r="287" spans="1:12" ht="75.75" customHeight="1" x14ac:dyDescent="0.4">
      <c r="A287" s="142"/>
      <c r="B287" s="121" t="s">
        <v>483</v>
      </c>
      <c r="C287" s="150" t="s">
        <v>223</v>
      </c>
      <c r="D287" s="150" t="s">
        <v>223</v>
      </c>
      <c r="E287" s="150"/>
      <c r="G287" s="4" t="s">
        <v>484</v>
      </c>
      <c r="H287" s="145" t="s">
        <v>485</v>
      </c>
      <c r="I287" s="169" t="s">
        <v>486</v>
      </c>
      <c r="J287" s="145"/>
      <c r="K287" s="150" t="s">
        <v>223</v>
      </c>
      <c r="L287" s="150" t="s">
        <v>223</v>
      </c>
    </row>
    <row r="288" spans="1:12" ht="39.950000000000003" customHeight="1" x14ac:dyDescent="0.4">
      <c r="A288" s="142"/>
      <c r="B288" s="167" t="s">
        <v>487</v>
      </c>
      <c r="C288" s="150" t="s">
        <v>223</v>
      </c>
      <c r="D288" s="150" t="s">
        <v>223</v>
      </c>
      <c r="E288" s="150"/>
      <c r="G288" s="400" t="s">
        <v>488</v>
      </c>
      <c r="H288" s="399"/>
      <c r="I288" s="431"/>
      <c r="J288" s="145"/>
      <c r="K288" s="150" t="s">
        <v>223</v>
      </c>
      <c r="L288" s="150" t="s">
        <v>223</v>
      </c>
    </row>
    <row r="289" spans="1:12" ht="39.950000000000003" customHeight="1" x14ac:dyDescent="0.4">
      <c r="A289" s="142"/>
      <c r="B289" s="121" t="s">
        <v>489</v>
      </c>
      <c r="C289" s="150" t="s">
        <v>223</v>
      </c>
      <c r="D289" s="150" t="s">
        <v>223</v>
      </c>
      <c r="E289" s="150"/>
      <c r="G289" s="400"/>
      <c r="H289" s="399"/>
      <c r="I289" s="431"/>
      <c r="J289" s="145"/>
      <c r="K289" s="150" t="s">
        <v>223</v>
      </c>
      <c r="L289" s="150" t="s">
        <v>223</v>
      </c>
    </row>
    <row r="290" spans="1:12" ht="39.950000000000003" customHeight="1" x14ac:dyDescent="0.4">
      <c r="A290" s="142"/>
      <c r="B290" s="121" t="s">
        <v>490</v>
      </c>
      <c r="C290" s="150" t="s">
        <v>223</v>
      </c>
      <c r="D290" s="150" t="s">
        <v>223</v>
      </c>
      <c r="E290" s="150"/>
      <c r="G290" s="400"/>
      <c r="H290" s="399"/>
      <c r="I290" s="431"/>
      <c r="J290" s="145"/>
      <c r="K290" s="150" t="s">
        <v>223</v>
      </c>
      <c r="L290" s="150" t="s">
        <v>223</v>
      </c>
    </row>
    <row r="291" spans="1:12" ht="39.950000000000003" customHeight="1" x14ac:dyDescent="0.4">
      <c r="A291" s="142"/>
      <c r="B291" s="121" t="s">
        <v>491</v>
      </c>
      <c r="C291" s="150" t="s">
        <v>223</v>
      </c>
      <c r="D291" s="150" t="s">
        <v>223</v>
      </c>
      <c r="E291" s="150"/>
      <c r="G291" s="400"/>
      <c r="H291" s="399"/>
      <c r="I291" s="431"/>
      <c r="J291" s="145"/>
      <c r="K291" s="150" t="s">
        <v>223</v>
      </c>
      <c r="L291" s="150" t="s">
        <v>223</v>
      </c>
    </row>
    <row r="292" spans="1:12" ht="104.25" customHeight="1" x14ac:dyDescent="0.4">
      <c r="A292" s="142"/>
      <c r="B292" s="121" t="s">
        <v>492</v>
      </c>
      <c r="C292" s="150" t="s">
        <v>223</v>
      </c>
      <c r="D292" s="150" t="s">
        <v>223</v>
      </c>
      <c r="E292" s="150"/>
      <c r="G292" s="400"/>
      <c r="H292" s="399"/>
      <c r="I292" s="431"/>
      <c r="J292" s="145"/>
      <c r="K292" s="150" t="s">
        <v>223</v>
      </c>
      <c r="L292" s="150" t="s">
        <v>223</v>
      </c>
    </row>
    <row r="293" spans="1:12" ht="35.1" customHeight="1" x14ac:dyDescent="0.4">
      <c r="A293" s="142"/>
      <c r="B293" s="121" t="s">
        <v>890</v>
      </c>
      <c r="C293" s="150" t="s">
        <v>223</v>
      </c>
      <c r="D293" s="150" t="s">
        <v>223</v>
      </c>
      <c r="E293" s="150"/>
      <c r="G293" s="400" t="s">
        <v>493</v>
      </c>
      <c r="H293" s="399"/>
      <c r="I293" s="399"/>
      <c r="J293" s="428"/>
      <c r="K293" s="150" t="s">
        <v>223</v>
      </c>
      <c r="L293" s="150" t="s">
        <v>223</v>
      </c>
    </row>
    <row r="294" spans="1:12" ht="35.1" customHeight="1" x14ac:dyDescent="0.4">
      <c r="A294" s="142"/>
      <c r="B294" s="121" t="s">
        <v>494</v>
      </c>
      <c r="C294" s="150"/>
      <c r="D294" s="150"/>
      <c r="E294" s="150"/>
      <c r="G294" s="400"/>
      <c r="H294" s="399"/>
      <c r="I294" s="399"/>
      <c r="J294" s="428"/>
      <c r="K294" s="150"/>
      <c r="L294" s="150"/>
    </row>
    <row r="295" spans="1:12" ht="35.1" customHeight="1" x14ac:dyDescent="0.4">
      <c r="A295" s="142"/>
      <c r="B295" s="121" t="s">
        <v>495</v>
      </c>
      <c r="C295" s="150" t="s">
        <v>223</v>
      </c>
      <c r="D295" s="150" t="s">
        <v>223</v>
      </c>
      <c r="E295" s="150"/>
      <c r="F295" s="3"/>
      <c r="G295" s="400"/>
      <c r="H295" s="399"/>
      <c r="I295" s="399"/>
      <c r="J295" s="428"/>
      <c r="K295" s="150" t="s">
        <v>223</v>
      </c>
      <c r="L295" s="150" t="s">
        <v>223</v>
      </c>
    </row>
    <row r="296" spans="1:12" ht="35.1" customHeight="1" x14ac:dyDescent="0.4">
      <c r="A296" s="143"/>
      <c r="B296" s="128" t="s">
        <v>496</v>
      </c>
      <c r="C296" s="151" t="s">
        <v>223</v>
      </c>
      <c r="D296" s="151" t="s">
        <v>223</v>
      </c>
      <c r="E296" s="151"/>
      <c r="F296" s="3"/>
      <c r="G296" s="422"/>
      <c r="H296" s="429"/>
      <c r="I296" s="429"/>
      <c r="J296" s="430"/>
      <c r="K296" s="151" t="s">
        <v>223</v>
      </c>
      <c r="L296" s="151" t="s">
        <v>223</v>
      </c>
    </row>
    <row r="297" spans="1:12" ht="54.95" customHeight="1" x14ac:dyDescent="0.4">
      <c r="A297" s="141" t="s">
        <v>885</v>
      </c>
      <c r="B297" s="132" t="s">
        <v>497</v>
      </c>
      <c r="C297" s="149" t="s">
        <v>223</v>
      </c>
      <c r="D297" s="149" t="s">
        <v>223</v>
      </c>
      <c r="E297" s="149"/>
      <c r="F297" s="3"/>
      <c r="G297" s="135"/>
      <c r="H297" s="144" t="s">
        <v>498</v>
      </c>
      <c r="I297" s="144"/>
      <c r="J297" s="421" t="s">
        <v>1097</v>
      </c>
      <c r="K297" s="149" t="s">
        <v>223</v>
      </c>
      <c r="L297" s="149" t="s">
        <v>223</v>
      </c>
    </row>
    <row r="298" spans="1:12" ht="54.95" customHeight="1" x14ac:dyDescent="0.4">
      <c r="A298" s="142"/>
      <c r="B298" s="121" t="s">
        <v>499</v>
      </c>
      <c r="C298" s="150" t="s">
        <v>223</v>
      </c>
      <c r="D298" s="150" t="s">
        <v>223</v>
      </c>
      <c r="E298" s="150"/>
      <c r="F298" s="3"/>
      <c r="G298" s="4" t="s">
        <v>500</v>
      </c>
      <c r="H298" s="145"/>
      <c r="I298" s="145" t="s">
        <v>501</v>
      </c>
      <c r="J298" s="409"/>
      <c r="K298" s="150" t="s">
        <v>223</v>
      </c>
      <c r="L298" s="150" t="s">
        <v>223</v>
      </c>
    </row>
    <row r="299" spans="1:12" ht="54.95" customHeight="1" x14ac:dyDescent="0.4">
      <c r="A299" s="142"/>
      <c r="B299" s="121" t="s">
        <v>502</v>
      </c>
      <c r="C299" s="150" t="s">
        <v>223</v>
      </c>
      <c r="D299" s="150" t="s">
        <v>223</v>
      </c>
      <c r="E299" s="150"/>
      <c r="F299" s="3"/>
      <c r="G299" s="400" t="s">
        <v>503</v>
      </c>
      <c r="H299" s="145" t="s">
        <v>504</v>
      </c>
      <c r="I299" s="145"/>
      <c r="J299" s="5"/>
      <c r="K299" s="150" t="s">
        <v>223</v>
      </c>
      <c r="L299" s="150" t="s">
        <v>223</v>
      </c>
    </row>
    <row r="300" spans="1:12" ht="54.95" customHeight="1" x14ac:dyDescent="0.4">
      <c r="A300" s="142"/>
      <c r="B300" s="121" t="s">
        <v>505</v>
      </c>
      <c r="C300" s="150" t="s">
        <v>223</v>
      </c>
      <c r="D300" s="150" t="s">
        <v>223</v>
      </c>
      <c r="E300" s="150"/>
      <c r="F300" s="3"/>
      <c r="G300" s="400"/>
      <c r="H300" s="145"/>
      <c r="I300" s="145"/>
      <c r="J300" s="5"/>
      <c r="K300" s="150" t="s">
        <v>223</v>
      </c>
      <c r="L300" s="150" t="s">
        <v>223</v>
      </c>
    </row>
    <row r="301" spans="1:12" ht="54.95" customHeight="1" x14ac:dyDescent="0.4">
      <c r="A301" s="142"/>
      <c r="B301" s="121" t="s">
        <v>506</v>
      </c>
      <c r="C301" s="150" t="s">
        <v>223</v>
      </c>
      <c r="D301" s="150" t="s">
        <v>223</v>
      </c>
      <c r="E301" s="150"/>
      <c r="F301" s="3"/>
      <c r="G301" s="400" t="s">
        <v>507</v>
      </c>
      <c r="H301" s="145" t="s">
        <v>508</v>
      </c>
      <c r="I301" s="145"/>
      <c r="J301" s="5"/>
      <c r="K301" s="150" t="s">
        <v>223</v>
      </c>
      <c r="L301" s="150" t="s">
        <v>223</v>
      </c>
    </row>
    <row r="302" spans="1:12" ht="54.95" customHeight="1" x14ac:dyDescent="0.4">
      <c r="A302" s="142"/>
      <c r="B302" s="121" t="s">
        <v>509</v>
      </c>
      <c r="C302" s="150" t="s">
        <v>223</v>
      </c>
      <c r="D302" s="150" t="s">
        <v>223</v>
      </c>
      <c r="E302" s="150"/>
      <c r="F302" s="3"/>
      <c r="G302" s="400"/>
      <c r="H302" s="145"/>
      <c r="I302" s="145"/>
      <c r="J302" s="5"/>
      <c r="K302" s="150" t="s">
        <v>223</v>
      </c>
      <c r="L302" s="150" t="s">
        <v>223</v>
      </c>
    </row>
    <row r="303" spans="1:12" ht="120" customHeight="1" x14ac:dyDescent="0.4">
      <c r="A303" s="142"/>
      <c r="B303" s="121" t="s">
        <v>510</v>
      </c>
      <c r="C303" s="150"/>
      <c r="D303" s="150"/>
      <c r="E303" s="150"/>
      <c r="F303" s="3"/>
      <c r="G303" s="4"/>
      <c r="H303" s="145"/>
      <c r="I303" s="145"/>
      <c r="J303" s="5"/>
      <c r="K303" s="150"/>
      <c r="L303" s="150"/>
    </row>
    <row r="304" spans="1:12" ht="54.95" customHeight="1" x14ac:dyDescent="0.4">
      <c r="A304" s="142" t="s">
        <v>887</v>
      </c>
      <c r="B304" s="121" t="s">
        <v>511</v>
      </c>
      <c r="C304" s="150" t="s">
        <v>223</v>
      </c>
      <c r="D304" s="150" t="s">
        <v>223</v>
      </c>
      <c r="E304" s="150"/>
      <c r="F304" s="3"/>
      <c r="G304" s="4"/>
      <c r="H304" s="145"/>
      <c r="I304" s="145"/>
      <c r="J304" s="408" t="s">
        <v>1013</v>
      </c>
      <c r="K304" s="150" t="s">
        <v>223</v>
      </c>
      <c r="L304" s="150" t="s">
        <v>223</v>
      </c>
    </row>
    <row r="305" spans="1:12" ht="270" customHeight="1" x14ac:dyDescent="0.4">
      <c r="A305" s="143"/>
      <c r="B305" s="128" t="s">
        <v>512</v>
      </c>
      <c r="C305" s="151"/>
      <c r="D305" s="151"/>
      <c r="E305" s="151"/>
      <c r="F305" s="3"/>
      <c r="G305" s="8"/>
      <c r="H305" s="146"/>
      <c r="I305" s="146"/>
      <c r="J305" s="410"/>
      <c r="K305" s="151"/>
      <c r="L305" s="151"/>
    </row>
    <row r="306" spans="1:12" x14ac:dyDescent="0.4">
      <c r="A306" s="5"/>
      <c r="B306" s="5"/>
      <c r="C306" s="3"/>
      <c r="D306" s="3"/>
      <c r="E306" s="3"/>
      <c r="F306" s="7"/>
      <c r="G306" s="5"/>
      <c r="H306" s="5"/>
      <c r="I306" s="5"/>
      <c r="J306" s="5"/>
      <c r="K306" s="3"/>
      <c r="L306" s="3"/>
    </row>
    <row r="307" spans="1:12" x14ac:dyDescent="0.4">
      <c r="A307" s="5"/>
      <c r="B307" s="5"/>
      <c r="C307" s="3"/>
      <c r="D307" s="3"/>
      <c r="E307" s="3"/>
      <c r="F307" s="3"/>
      <c r="G307" s="5"/>
      <c r="H307" s="5"/>
      <c r="I307" s="5"/>
      <c r="J307" s="5"/>
      <c r="K307" s="3"/>
      <c r="L307" s="3"/>
    </row>
    <row r="308" spans="1:12" x14ac:dyDescent="0.4">
      <c r="A308" s="5"/>
      <c r="B308" s="5"/>
      <c r="C308" s="3"/>
      <c r="D308" s="3"/>
      <c r="E308" s="3"/>
      <c r="F308" s="3"/>
      <c r="G308" s="5"/>
      <c r="H308" s="5"/>
      <c r="I308" s="5"/>
      <c r="J308" s="5"/>
      <c r="K308" s="3"/>
      <c r="L308" s="3"/>
    </row>
    <row r="309" spans="1:12" x14ac:dyDescent="0.4">
      <c r="A309" s="5"/>
      <c r="B309" s="5"/>
      <c r="C309" s="3"/>
      <c r="D309" s="3"/>
      <c r="E309" s="3"/>
      <c r="F309" s="3"/>
      <c r="G309" s="5"/>
      <c r="H309" s="5"/>
      <c r="I309" s="5"/>
      <c r="J309" s="5"/>
      <c r="K309" s="3"/>
      <c r="L309" s="3"/>
    </row>
    <row r="310" spans="1:12" x14ac:dyDescent="0.4">
      <c r="A310" s="5"/>
      <c r="B310" s="5"/>
      <c r="C310" s="3"/>
      <c r="D310" s="3"/>
      <c r="E310" s="3"/>
      <c r="F310" s="3"/>
      <c r="G310" s="5"/>
      <c r="H310" s="5"/>
      <c r="I310" s="5"/>
      <c r="J310" s="5"/>
      <c r="K310" s="3"/>
      <c r="L310" s="3"/>
    </row>
    <row r="311" spans="1:12" x14ac:dyDescent="0.4">
      <c r="A311" s="5"/>
      <c r="B311" s="5"/>
      <c r="C311" s="3"/>
      <c r="D311" s="3"/>
      <c r="E311" s="3"/>
      <c r="F311" s="3"/>
      <c r="G311" s="5"/>
      <c r="H311" s="5"/>
      <c r="I311" s="5"/>
      <c r="J311" s="5"/>
      <c r="K311" s="3"/>
      <c r="L311" s="3"/>
    </row>
    <row r="312" spans="1:12" x14ac:dyDescent="0.4">
      <c r="A312" s="5"/>
      <c r="B312" s="5"/>
      <c r="C312" s="3"/>
      <c r="D312" s="3"/>
      <c r="E312" s="3"/>
      <c r="F312" s="3"/>
      <c r="G312" s="5"/>
      <c r="H312" s="5"/>
      <c r="I312" s="5"/>
      <c r="J312" s="5"/>
      <c r="K312" s="3"/>
      <c r="L312" s="3"/>
    </row>
    <row r="313" spans="1:12" x14ac:dyDescent="0.4">
      <c r="A313" s="5"/>
      <c r="B313" s="5"/>
      <c r="C313" s="3"/>
      <c r="D313" s="3"/>
      <c r="E313" s="3"/>
      <c r="F313" s="3"/>
      <c r="G313" s="5"/>
      <c r="H313" s="5"/>
      <c r="I313" s="5"/>
      <c r="J313" s="5"/>
      <c r="K313" s="3"/>
      <c r="L313" s="3"/>
    </row>
    <row r="314" spans="1:12" x14ac:dyDescent="0.4">
      <c r="A314" s="5"/>
      <c r="B314" s="5"/>
      <c r="C314" s="3"/>
      <c r="D314" s="3"/>
      <c r="E314" s="3"/>
      <c r="F314" s="3"/>
      <c r="G314" s="5"/>
      <c r="H314" s="5"/>
      <c r="I314" s="5"/>
      <c r="J314" s="5"/>
      <c r="K314" s="3"/>
      <c r="L314" s="3"/>
    </row>
    <row r="315" spans="1:12" x14ac:dyDescent="0.4">
      <c r="A315" s="5"/>
      <c r="B315" s="5"/>
      <c r="C315" s="3"/>
      <c r="D315" s="3"/>
      <c r="E315" s="3"/>
      <c r="F315" s="3"/>
      <c r="G315" s="5"/>
      <c r="H315" s="5"/>
      <c r="I315" s="5"/>
      <c r="J315" s="5"/>
      <c r="K315" s="3"/>
      <c r="L315" s="3"/>
    </row>
    <row r="316" spans="1:12" x14ac:dyDescent="0.4">
      <c r="A316" s="5"/>
      <c r="B316" s="5"/>
      <c r="C316" s="3"/>
      <c r="D316" s="3"/>
      <c r="E316" s="3"/>
      <c r="F316" s="3"/>
      <c r="G316" s="5"/>
      <c r="H316" s="5"/>
      <c r="I316" s="5"/>
      <c r="J316" s="5"/>
      <c r="K316" s="3"/>
      <c r="L316" s="3"/>
    </row>
    <row r="317" spans="1:12" x14ac:dyDescent="0.4">
      <c r="A317" s="5"/>
      <c r="B317" s="5"/>
      <c r="C317" s="3"/>
      <c r="D317" s="3"/>
      <c r="E317" s="3"/>
      <c r="F317" s="3"/>
      <c r="G317" s="5"/>
      <c r="H317" s="5"/>
      <c r="I317" s="5"/>
      <c r="J317" s="5"/>
      <c r="K317" s="3"/>
      <c r="L317" s="3"/>
    </row>
    <row r="318" spans="1:12" x14ac:dyDescent="0.4">
      <c r="A318" s="5"/>
      <c r="B318" s="5"/>
      <c r="C318" s="3"/>
      <c r="D318" s="3"/>
      <c r="E318" s="3"/>
      <c r="F318" s="3"/>
      <c r="G318" s="5"/>
      <c r="H318" s="5"/>
      <c r="I318" s="5"/>
      <c r="J318" s="5"/>
      <c r="K318" s="3"/>
      <c r="L318" s="3"/>
    </row>
    <row r="319" spans="1:12" x14ac:dyDescent="0.4">
      <c r="A319" s="5"/>
      <c r="B319" s="5"/>
      <c r="C319" s="3"/>
      <c r="D319" s="3"/>
      <c r="E319" s="3"/>
      <c r="F319" s="3"/>
      <c r="G319" s="5"/>
      <c r="H319" s="5"/>
      <c r="I319" s="5"/>
      <c r="J319" s="5"/>
      <c r="K319" s="3"/>
      <c r="L319" s="3"/>
    </row>
    <row r="320" spans="1:12" x14ac:dyDescent="0.4">
      <c r="A320" s="5"/>
      <c r="B320" s="5"/>
      <c r="C320" s="3"/>
      <c r="D320" s="3"/>
      <c r="E320" s="3"/>
      <c r="F320" s="3"/>
      <c r="G320" s="5"/>
      <c r="H320" s="5"/>
      <c r="I320" s="5"/>
      <c r="J320" s="5"/>
      <c r="K320" s="3"/>
      <c r="L320" s="3"/>
    </row>
    <row r="321" spans="1:12" x14ac:dyDescent="0.4">
      <c r="A321" s="5"/>
      <c r="B321" s="5"/>
      <c r="C321" s="3"/>
      <c r="D321" s="3"/>
      <c r="E321" s="3"/>
      <c r="F321" s="3"/>
      <c r="G321" s="5"/>
      <c r="H321" s="5"/>
      <c r="I321" s="5"/>
      <c r="J321" s="5"/>
      <c r="K321" s="3"/>
      <c r="L321" s="3"/>
    </row>
    <row r="322" spans="1:12" x14ac:dyDescent="0.4">
      <c r="A322" s="5"/>
      <c r="B322" s="5"/>
      <c r="C322" s="3"/>
      <c r="D322" s="3"/>
      <c r="E322" s="3"/>
      <c r="F322" s="3"/>
      <c r="G322" s="5"/>
      <c r="H322" s="5"/>
      <c r="I322" s="5"/>
      <c r="J322" s="5"/>
      <c r="K322" s="3"/>
      <c r="L322" s="3"/>
    </row>
    <row r="323" spans="1:12" x14ac:dyDescent="0.4">
      <c r="A323" s="5"/>
      <c r="B323" s="5"/>
      <c r="C323" s="3"/>
      <c r="D323" s="3"/>
      <c r="E323" s="3"/>
      <c r="F323" s="3"/>
      <c r="G323" s="5"/>
      <c r="H323" s="5"/>
      <c r="I323" s="5"/>
      <c r="J323" s="5"/>
      <c r="K323" s="3"/>
      <c r="L323" s="3"/>
    </row>
    <row r="324" spans="1:12" x14ac:dyDescent="0.4">
      <c r="A324" s="5"/>
      <c r="B324" s="5"/>
      <c r="C324" s="3"/>
      <c r="D324" s="3"/>
      <c r="E324" s="3"/>
      <c r="F324" s="3"/>
      <c r="G324" s="5"/>
      <c r="H324" s="5"/>
      <c r="I324" s="5"/>
      <c r="J324" s="5"/>
      <c r="K324" s="3"/>
      <c r="L324" s="3"/>
    </row>
    <row r="325" spans="1:12" x14ac:dyDescent="0.4">
      <c r="A325" s="5"/>
      <c r="B325" s="5"/>
      <c r="C325" s="3"/>
      <c r="D325" s="3"/>
      <c r="E325" s="3"/>
      <c r="F325" s="3"/>
      <c r="G325" s="5"/>
      <c r="H325" s="5"/>
      <c r="I325" s="5"/>
      <c r="J325" s="5"/>
      <c r="K325" s="3"/>
      <c r="L325" s="3"/>
    </row>
    <row r="326" spans="1:12" x14ac:dyDescent="0.4">
      <c r="A326" s="5"/>
      <c r="B326" s="5"/>
      <c r="C326" s="3"/>
      <c r="D326" s="3"/>
      <c r="E326" s="3"/>
      <c r="F326" s="3"/>
      <c r="G326" s="5"/>
      <c r="H326" s="5"/>
      <c r="I326" s="5"/>
      <c r="J326" s="5"/>
      <c r="K326" s="3"/>
      <c r="L326" s="3"/>
    </row>
    <row r="327" spans="1:12" x14ac:dyDescent="0.4">
      <c r="A327" s="5"/>
      <c r="B327" s="5"/>
      <c r="C327" s="3"/>
      <c r="D327" s="3"/>
      <c r="E327" s="3"/>
      <c r="F327" s="3"/>
      <c r="G327" s="5"/>
      <c r="H327" s="5"/>
      <c r="I327" s="5"/>
      <c r="J327" s="5"/>
      <c r="K327" s="3"/>
      <c r="L327" s="3"/>
    </row>
    <row r="328" spans="1:12" x14ac:dyDescent="0.4">
      <c r="A328" s="5"/>
      <c r="B328" s="5"/>
      <c r="C328" s="3"/>
      <c r="D328" s="3"/>
      <c r="E328" s="3"/>
      <c r="F328" s="3"/>
      <c r="G328" s="5"/>
      <c r="H328" s="5"/>
      <c r="I328" s="5"/>
      <c r="J328" s="5"/>
      <c r="K328" s="3"/>
      <c r="L328" s="3"/>
    </row>
    <row r="329" spans="1:12" x14ac:dyDescent="0.4">
      <c r="A329" s="5"/>
      <c r="B329" s="5"/>
      <c r="C329" s="3"/>
      <c r="D329" s="3"/>
      <c r="E329" s="3"/>
      <c r="F329" s="3"/>
      <c r="G329" s="5"/>
      <c r="H329" s="5"/>
      <c r="I329" s="5"/>
      <c r="J329" s="5"/>
      <c r="K329" s="3"/>
      <c r="L329" s="3"/>
    </row>
    <row r="330" spans="1:12" x14ac:dyDescent="0.4">
      <c r="A330" s="5"/>
      <c r="B330" s="5"/>
      <c r="C330" s="3"/>
      <c r="D330" s="3"/>
      <c r="E330" s="3"/>
      <c r="F330" s="3"/>
      <c r="G330" s="5"/>
      <c r="H330" s="5"/>
      <c r="I330" s="5"/>
      <c r="J330" s="5"/>
      <c r="K330" s="3"/>
      <c r="L330" s="3"/>
    </row>
    <row r="331" spans="1:12" x14ac:dyDescent="0.4">
      <c r="A331" s="5"/>
      <c r="B331" s="5"/>
      <c r="C331" s="3"/>
      <c r="D331" s="3"/>
      <c r="E331" s="3"/>
      <c r="F331" s="3"/>
      <c r="G331" s="5"/>
      <c r="H331" s="5"/>
      <c r="I331" s="5"/>
      <c r="J331" s="5"/>
      <c r="K331" s="3"/>
      <c r="L331" s="3"/>
    </row>
    <row r="332" spans="1:12" x14ac:dyDescent="0.4">
      <c r="A332" s="5"/>
      <c r="B332" s="5"/>
      <c r="C332" s="3"/>
      <c r="D332" s="3"/>
      <c r="E332" s="3"/>
      <c r="F332" s="3"/>
      <c r="G332" s="5"/>
      <c r="H332" s="5"/>
      <c r="I332" s="5"/>
      <c r="J332" s="5"/>
      <c r="K332" s="3"/>
      <c r="L332" s="3"/>
    </row>
    <row r="333" spans="1:12" x14ac:dyDescent="0.4">
      <c r="A333" s="5"/>
      <c r="B333" s="5"/>
      <c r="C333" s="3"/>
      <c r="D333" s="3"/>
      <c r="E333" s="3"/>
      <c r="F333" s="3"/>
      <c r="G333" s="5"/>
      <c r="H333" s="5"/>
      <c r="I333" s="5"/>
      <c r="J333" s="5"/>
      <c r="K333" s="3"/>
      <c r="L333" s="3"/>
    </row>
    <row r="334" spans="1:12" x14ac:dyDescent="0.4">
      <c r="A334" s="5"/>
      <c r="B334" s="5"/>
      <c r="C334" s="3"/>
      <c r="D334" s="3"/>
      <c r="E334" s="3"/>
      <c r="F334" s="3"/>
      <c r="G334" s="5"/>
      <c r="H334" s="5"/>
      <c r="I334" s="5"/>
      <c r="J334" s="5"/>
      <c r="K334" s="3"/>
      <c r="L334" s="3"/>
    </row>
    <row r="335" spans="1:12" x14ac:dyDescent="0.4">
      <c r="A335" s="5"/>
      <c r="B335" s="5"/>
      <c r="C335" s="3"/>
      <c r="D335" s="3"/>
      <c r="E335" s="3"/>
      <c r="F335" s="3"/>
      <c r="G335" s="5"/>
      <c r="H335" s="5"/>
      <c r="I335" s="5"/>
      <c r="J335" s="5"/>
      <c r="K335" s="3"/>
      <c r="L335" s="3"/>
    </row>
    <row r="336" spans="1:12" x14ac:dyDescent="0.4">
      <c r="A336" s="5"/>
      <c r="B336" s="5"/>
      <c r="C336" s="3"/>
      <c r="D336" s="3"/>
      <c r="E336" s="3"/>
      <c r="F336" s="3"/>
      <c r="G336" s="5"/>
      <c r="H336" s="5"/>
      <c r="I336" s="5"/>
      <c r="J336" s="5"/>
      <c r="K336" s="3"/>
      <c r="L336" s="3"/>
    </row>
    <row r="337" spans="1:12" x14ac:dyDescent="0.4">
      <c r="A337" s="5"/>
      <c r="B337" s="5"/>
      <c r="C337" s="3"/>
      <c r="D337" s="3"/>
      <c r="E337" s="3"/>
      <c r="F337" s="3"/>
      <c r="G337" s="5"/>
      <c r="H337" s="5"/>
      <c r="I337" s="5"/>
      <c r="J337" s="5"/>
      <c r="K337" s="3"/>
      <c r="L337" s="3"/>
    </row>
    <row r="338" spans="1:12" x14ac:dyDescent="0.4">
      <c r="A338" s="5"/>
      <c r="B338" s="5"/>
      <c r="C338" s="3"/>
      <c r="D338" s="3"/>
      <c r="E338" s="3"/>
      <c r="F338" s="3"/>
      <c r="G338" s="5"/>
      <c r="H338" s="5"/>
      <c r="I338" s="5"/>
      <c r="J338" s="5"/>
      <c r="K338" s="3"/>
      <c r="L338" s="3"/>
    </row>
    <row r="339" spans="1:12" x14ac:dyDescent="0.4">
      <c r="A339" s="5"/>
      <c r="B339" s="5"/>
      <c r="C339" s="3"/>
      <c r="D339" s="3"/>
      <c r="E339" s="3"/>
      <c r="F339" s="3"/>
      <c r="G339" s="5"/>
      <c r="H339" s="5"/>
      <c r="I339" s="5"/>
      <c r="J339" s="5"/>
      <c r="K339" s="3"/>
      <c r="L339" s="3"/>
    </row>
    <row r="340" spans="1:12" x14ac:dyDescent="0.4">
      <c r="A340" s="5"/>
      <c r="B340" s="5"/>
      <c r="C340" s="3"/>
      <c r="D340" s="3"/>
      <c r="E340" s="3"/>
      <c r="F340" s="3"/>
      <c r="G340" s="5"/>
      <c r="H340" s="5"/>
      <c r="I340" s="5"/>
      <c r="J340" s="5"/>
      <c r="K340" s="3"/>
      <c r="L340" s="3"/>
    </row>
    <row r="341" spans="1:12" x14ac:dyDescent="0.4">
      <c r="A341" s="5"/>
      <c r="B341" s="5"/>
      <c r="C341" s="3"/>
      <c r="D341" s="3"/>
      <c r="E341" s="3"/>
      <c r="F341" s="3"/>
      <c r="G341" s="5"/>
      <c r="H341" s="5"/>
      <c r="I341" s="5"/>
      <c r="J341" s="5"/>
      <c r="K341" s="3"/>
      <c r="L341" s="3"/>
    </row>
    <row r="342" spans="1:12" x14ac:dyDescent="0.4">
      <c r="A342" s="5"/>
      <c r="B342" s="5"/>
      <c r="C342" s="3"/>
      <c r="D342" s="3"/>
      <c r="E342" s="3"/>
      <c r="F342" s="3"/>
      <c r="G342" s="5"/>
      <c r="H342" s="5"/>
      <c r="I342" s="5"/>
      <c r="J342" s="5"/>
      <c r="K342" s="3"/>
      <c r="L342" s="3"/>
    </row>
    <row r="343" spans="1:12" x14ac:dyDescent="0.4">
      <c r="A343" s="5"/>
      <c r="B343" s="5"/>
      <c r="C343" s="3"/>
      <c r="D343" s="3"/>
      <c r="E343" s="3"/>
      <c r="F343" s="3"/>
      <c r="G343" s="5"/>
      <c r="H343" s="5"/>
      <c r="I343" s="5"/>
      <c r="J343" s="5"/>
      <c r="K343" s="3"/>
      <c r="L343" s="3"/>
    </row>
    <row r="344" spans="1:12" x14ac:dyDescent="0.4">
      <c r="A344" s="5"/>
      <c r="B344" s="5"/>
      <c r="C344" s="3"/>
      <c r="D344" s="3"/>
      <c r="E344" s="3"/>
      <c r="F344" s="3"/>
      <c r="G344" s="5"/>
      <c r="H344" s="5"/>
      <c r="I344" s="5"/>
      <c r="J344" s="5"/>
      <c r="K344" s="3"/>
      <c r="L344" s="3"/>
    </row>
    <row r="345" spans="1:12" x14ac:dyDescent="0.4">
      <c r="A345" s="5"/>
      <c r="B345" s="5"/>
      <c r="C345" s="3"/>
      <c r="D345" s="3"/>
      <c r="E345" s="3"/>
      <c r="F345" s="3"/>
      <c r="G345" s="5"/>
      <c r="H345" s="5"/>
      <c r="I345" s="5"/>
      <c r="J345" s="5"/>
      <c r="K345" s="3"/>
      <c r="L345" s="3"/>
    </row>
    <row r="346" spans="1:12" x14ac:dyDescent="0.4">
      <c r="A346" s="5"/>
      <c r="B346" s="5"/>
      <c r="C346" s="3"/>
      <c r="D346" s="3"/>
      <c r="E346" s="3"/>
      <c r="F346" s="3"/>
      <c r="G346" s="5"/>
      <c r="H346" s="5"/>
      <c r="I346" s="5"/>
      <c r="J346" s="5"/>
      <c r="K346" s="3"/>
      <c r="L346" s="3"/>
    </row>
    <row r="347" spans="1:12" x14ac:dyDescent="0.4">
      <c r="A347" s="5"/>
      <c r="B347" s="5"/>
      <c r="C347" s="3"/>
      <c r="D347" s="3"/>
      <c r="E347" s="3"/>
      <c r="F347" s="3"/>
      <c r="G347" s="5"/>
      <c r="H347" s="5"/>
      <c r="I347" s="5"/>
      <c r="J347" s="5"/>
      <c r="K347" s="3"/>
      <c r="L347" s="3"/>
    </row>
    <row r="348" spans="1:12" x14ac:dyDescent="0.4">
      <c r="A348" s="5"/>
      <c r="B348" s="5"/>
      <c r="C348" s="3"/>
      <c r="D348" s="3"/>
      <c r="E348" s="3"/>
      <c r="F348" s="3"/>
      <c r="G348" s="5"/>
      <c r="H348" s="5"/>
      <c r="I348" s="5"/>
      <c r="J348" s="5"/>
      <c r="K348" s="3"/>
      <c r="L348" s="3"/>
    </row>
    <row r="349" spans="1:12" x14ac:dyDescent="0.4">
      <c r="A349" s="5"/>
      <c r="B349" s="5"/>
      <c r="C349" s="3"/>
      <c r="D349" s="3"/>
      <c r="E349" s="3"/>
      <c r="F349" s="3"/>
      <c r="G349" s="5"/>
      <c r="H349" s="5"/>
      <c r="I349" s="5"/>
      <c r="J349" s="5"/>
      <c r="K349" s="3"/>
      <c r="L349" s="3"/>
    </row>
    <row r="350" spans="1:12" x14ac:dyDescent="0.4">
      <c r="A350" s="5"/>
      <c r="B350" s="5"/>
      <c r="C350" s="3"/>
      <c r="D350" s="3"/>
      <c r="E350" s="3"/>
      <c r="F350" s="3"/>
      <c r="G350" s="5"/>
      <c r="H350" s="5"/>
      <c r="I350" s="5"/>
      <c r="J350" s="5"/>
      <c r="K350" s="3"/>
      <c r="L350" s="3"/>
    </row>
    <row r="351" spans="1:12" x14ac:dyDescent="0.4">
      <c r="A351" s="5"/>
      <c r="B351" s="5"/>
      <c r="C351" s="3"/>
      <c r="D351" s="3"/>
      <c r="E351" s="3"/>
      <c r="F351" s="3"/>
      <c r="G351" s="5"/>
      <c r="H351" s="5"/>
      <c r="I351" s="5"/>
      <c r="J351" s="5"/>
      <c r="K351" s="3"/>
      <c r="L351" s="3"/>
    </row>
    <row r="352" spans="1:12" x14ac:dyDescent="0.4">
      <c r="A352" s="5"/>
      <c r="B352" s="5"/>
      <c r="C352" s="3"/>
      <c r="D352" s="3"/>
      <c r="E352" s="3"/>
      <c r="F352" s="3"/>
      <c r="G352" s="5"/>
      <c r="H352" s="5"/>
      <c r="I352" s="5"/>
      <c r="J352" s="5"/>
      <c r="K352" s="3"/>
      <c r="L352" s="3"/>
    </row>
    <row r="353" spans="1:12" x14ac:dyDescent="0.4">
      <c r="A353" s="5"/>
      <c r="B353" s="5"/>
      <c r="C353" s="3"/>
      <c r="D353" s="3"/>
      <c r="E353" s="3"/>
      <c r="F353" s="3"/>
      <c r="G353" s="5"/>
      <c r="H353" s="5"/>
      <c r="I353" s="5"/>
      <c r="J353" s="5"/>
      <c r="K353" s="3"/>
      <c r="L353" s="3"/>
    </row>
    <row r="354" spans="1:12" x14ac:dyDescent="0.4">
      <c r="A354" s="5"/>
      <c r="B354" s="5"/>
      <c r="C354" s="3"/>
      <c r="D354" s="3"/>
      <c r="E354" s="3"/>
      <c r="F354" s="3"/>
      <c r="G354" s="5"/>
      <c r="H354" s="5"/>
      <c r="I354" s="5"/>
      <c r="J354" s="5"/>
      <c r="K354" s="3"/>
      <c r="L354" s="3"/>
    </row>
    <row r="355" spans="1:12" x14ac:dyDescent="0.4">
      <c r="A355" s="5"/>
      <c r="B355" s="5"/>
      <c r="C355" s="3"/>
      <c r="D355" s="3"/>
      <c r="E355" s="3"/>
      <c r="F355" s="3"/>
      <c r="G355" s="5"/>
      <c r="H355" s="5"/>
      <c r="I355" s="5"/>
      <c r="J355" s="5"/>
      <c r="K355" s="3"/>
      <c r="L355" s="3"/>
    </row>
    <row r="356" spans="1:12" x14ac:dyDescent="0.4">
      <c r="A356" s="5"/>
      <c r="B356" s="5"/>
      <c r="C356" s="3"/>
      <c r="D356" s="3"/>
      <c r="E356" s="3"/>
      <c r="F356" s="3"/>
      <c r="G356" s="5"/>
      <c r="H356" s="5"/>
      <c r="I356" s="5"/>
      <c r="J356" s="5"/>
      <c r="K356" s="3"/>
      <c r="L356" s="3"/>
    </row>
    <row r="357" spans="1:12" x14ac:dyDescent="0.4">
      <c r="A357" s="5"/>
      <c r="B357" s="5"/>
      <c r="C357" s="3"/>
      <c r="D357" s="3"/>
      <c r="E357" s="3"/>
      <c r="F357" s="3"/>
      <c r="G357" s="5"/>
      <c r="H357" s="5"/>
      <c r="I357" s="5"/>
      <c r="J357" s="5"/>
      <c r="K357" s="3"/>
      <c r="L357" s="3"/>
    </row>
    <row r="358" spans="1:12" x14ac:dyDescent="0.4">
      <c r="A358" s="5"/>
      <c r="B358" s="5"/>
      <c r="C358" s="3"/>
      <c r="D358" s="3"/>
      <c r="E358" s="3"/>
      <c r="F358" s="3"/>
      <c r="G358" s="5"/>
      <c r="H358" s="5"/>
      <c r="I358" s="5"/>
      <c r="J358" s="5"/>
      <c r="K358" s="3"/>
      <c r="L358" s="3"/>
    </row>
    <row r="359" spans="1:12" x14ac:dyDescent="0.4">
      <c r="A359" s="5"/>
      <c r="B359" s="5"/>
      <c r="C359" s="3"/>
      <c r="D359" s="3"/>
      <c r="E359" s="3"/>
      <c r="F359" s="3"/>
      <c r="G359" s="5"/>
      <c r="H359" s="5"/>
      <c r="I359" s="5"/>
      <c r="J359" s="5"/>
      <c r="K359" s="3"/>
      <c r="L359" s="3"/>
    </row>
    <row r="360" spans="1:12" x14ac:dyDescent="0.4">
      <c r="A360" s="5"/>
      <c r="B360" s="5"/>
      <c r="C360" s="3"/>
      <c r="D360" s="3"/>
      <c r="E360" s="3"/>
      <c r="F360" s="3"/>
      <c r="G360" s="5"/>
      <c r="H360" s="5"/>
      <c r="I360" s="5"/>
      <c r="J360" s="5"/>
      <c r="K360" s="3"/>
      <c r="L360" s="3"/>
    </row>
    <row r="361" spans="1:12" x14ac:dyDescent="0.4">
      <c r="A361" s="5"/>
      <c r="B361" s="5"/>
      <c r="C361" s="3"/>
      <c r="D361" s="3"/>
      <c r="E361" s="3"/>
      <c r="F361" s="3"/>
      <c r="G361" s="5"/>
      <c r="H361" s="5"/>
      <c r="I361" s="5"/>
      <c r="J361" s="5"/>
      <c r="K361" s="3"/>
      <c r="L361" s="3"/>
    </row>
    <row r="362" spans="1:12" x14ac:dyDescent="0.4">
      <c r="A362" s="5"/>
      <c r="B362" s="5"/>
      <c r="C362" s="3"/>
      <c r="D362" s="3"/>
      <c r="E362" s="3"/>
      <c r="F362" s="3"/>
      <c r="G362" s="5"/>
      <c r="H362" s="5"/>
      <c r="I362" s="5"/>
      <c r="J362" s="5"/>
      <c r="K362" s="3"/>
      <c r="L362" s="3"/>
    </row>
    <row r="363" spans="1:12" x14ac:dyDescent="0.4">
      <c r="A363" s="5"/>
      <c r="B363" s="5"/>
      <c r="C363" s="3"/>
      <c r="D363" s="3"/>
      <c r="E363" s="3"/>
      <c r="F363" s="3"/>
      <c r="G363" s="5"/>
      <c r="H363" s="5"/>
      <c r="I363" s="5"/>
      <c r="J363" s="5"/>
      <c r="K363" s="3"/>
      <c r="L363" s="3"/>
    </row>
    <row r="364" spans="1:12" x14ac:dyDescent="0.4">
      <c r="A364" s="5"/>
      <c r="B364" s="5"/>
      <c r="C364" s="3"/>
      <c r="D364" s="3"/>
      <c r="E364" s="3"/>
      <c r="F364" s="3"/>
      <c r="G364" s="5"/>
      <c r="H364" s="5"/>
      <c r="I364" s="5"/>
      <c r="J364" s="5"/>
      <c r="K364" s="3"/>
      <c r="L364" s="3"/>
    </row>
    <row r="365" spans="1:12" x14ac:dyDescent="0.4">
      <c r="A365" s="5"/>
      <c r="B365" s="5"/>
      <c r="C365" s="3"/>
      <c r="D365" s="3"/>
      <c r="E365" s="3"/>
      <c r="F365" s="3"/>
      <c r="G365" s="5"/>
      <c r="H365" s="5"/>
      <c r="I365" s="5"/>
      <c r="J365" s="5"/>
      <c r="K365" s="3"/>
      <c r="L365" s="3"/>
    </row>
    <row r="366" spans="1:12" x14ac:dyDescent="0.4">
      <c r="A366" s="5"/>
      <c r="B366" s="5"/>
      <c r="C366" s="3"/>
      <c r="D366" s="3"/>
      <c r="E366" s="3"/>
      <c r="F366" s="3"/>
      <c r="G366" s="5"/>
      <c r="H366" s="5"/>
      <c r="I366" s="5"/>
      <c r="J366" s="5"/>
      <c r="K366" s="3"/>
      <c r="L366" s="3"/>
    </row>
    <row r="367" spans="1:12" x14ac:dyDescent="0.4">
      <c r="A367" s="5"/>
      <c r="B367" s="5"/>
      <c r="C367" s="3"/>
      <c r="D367" s="3"/>
      <c r="E367" s="3"/>
      <c r="F367" s="3"/>
      <c r="G367" s="5"/>
      <c r="H367" s="5"/>
      <c r="I367" s="5"/>
      <c r="J367" s="5"/>
      <c r="K367" s="3"/>
      <c r="L367" s="3"/>
    </row>
    <row r="368" spans="1:12" x14ac:dyDescent="0.4">
      <c r="A368" s="5"/>
      <c r="B368" s="5"/>
      <c r="C368" s="3"/>
      <c r="D368" s="3"/>
      <c r="E368" s="3"/>
      <c r="F368" s="3"/>
      <c r="G368" s="5"/>
      <c r="H368" s="5"/>
      <c r="I368" s="5"/>
      <c r="J368" s="5"/>
      <c r="K368" s="3"/>
      <c r="L368" s="3"/>
    </row>
    <row r="369" spans="1:12" x14ac:dyDescent="0.4">
      <c r="A369" s="5"/>
      <c r="B369" s="5"/>
      <c r="C369" s="3"/>
      <c r="D369" s="3"/>
      <c r="E369" s="3"/>
      <c r="F369" s="3"/>
      <c r="G369" s="5"/>
      <c r="H369" s="5"/>
      <c r="I369" s="5"/>
      <c r="J369" s="5"/>
      <c r="K369" s="3"/>
      <c r="L369" s="3"/>
    </row>
    <row r="370" spans="1:12" x14ac:dyDescent="0.4">
      <c r="A370" s="5"/>
      <c r="B370" s="5"/>
      <c r="C370" s="3"/>
      <c r="D370" s="3"/>
      <c r="E370" s="3"/>
      <c r="F370" s="3"/>
      <c r="G370" s="5"/>
      <c r="H370" s="5"/>
      <c r="I370" s="5"/>
      <c r="J370" s="5"/>
      <c r="K370" s="3"/>
      <c r="L370" s="3"/>
    </row>
    <row r="371" spans="1:12" x14ac:dyDescent="0.4">
      <c r="A371" s="5"/>
      <c r="B371" s="5"/>
      <c r="C371" s="3"/>
      <c r="D371" s="3"/>
      <c r="E371" s="3"/>
      <c r="F371" s="3"/>
      <c r="G371" s="5"/>
      <c r="H371" s="5"/>
      <c r="I371" s="5"/>
      <c r="J371" s="5"/>
      <c r="K371" s="3"/>
      <c r="L371" s="3"/>
    </row>
    <row r="372" spans="1:12" x14ac:dyDescent="0.4">
      <c r="A372" s="5"/>
      <c r="B372" s="5"/>
      <c r="C372" s="3"/>
      <c r="D372" s="3"/>
      <c r="E372" s="3"/>
      <c r="F372" s="3"/>
      <c r="G372" s="5"/>
      <c r="H372" s="5"/>
      <c r="I372" s="5"/>
      <c r="J372" s="5"/>
      <c r="K372" s="3"/>
      <c r="L372" s="3"/>
    </row>
    <row r="373" spans="1:12" x14ac:dyDescent="0.4">
      <c r="A373" s="5"/>
      <c r="B373" s="5"/>
      <c r="C373" s="3"/>
      <c r="D373" s="3"/>
      <c r="E373" s="3"/>
      <c r="F373" s="3"/>
      <c r="G373" s="5"/>
      <c r="H373" s="5"/>
      <c r="I373" s="5"/>
      <c r="J373" s="5"/>
      <c r="K373" s="3"/>
      <c r="L373" s="3"/>
    </row>
    <row r="374" spans="1:12" x14ac:dyDescent="0.4">
      <c r="A374" s="5"/>
      <c r="B374" s="5"/>
      <c r="C374" s="3"/>
      <c r="D374" s="3"/>
      <c r="E374" s="3"/>
      <c r="F374" s="3"/>
      <c r="G374" s="5"/>
      <c r="H374" s="5"/>
      <c r="I374" s="5"/>
      <c r="J374" s="5"/>
      <c r="K374" s="3"/>
      <c r="L374" s="3"/>
    </row>
    <row r="375" spans="1:12" x14ac:dyDescent="0.4">
      <c r="A375" s="5"/>
      <c r="B375" s="5"/>
      <c r="C375" s="3"/>
      <c r="D375" s="3"/>
      <c r="E375" s="3"/>
      <c r="F375" s="3"/>
      <c r="G375" s="5"/>
      <c r="H375" s="5"/>
      <c r="I375" s="5"/>
      <c r="J375" s="5"/>
      <c r="K375" s="3"/>
      <c r="L375" s="3"/>
    </row>
    <row r="376" spans="1:12" x14ac:dyDescent="0.4">
      <c r="A376" s="5"/>
      <c r="B376" s="5"/>
      <c r="C376" s="3"/>
      <c r="D376" s="3"/>
      <c r="E376" s="3"/>
      <c r="F376" s="3"/>
      <c r="G376" s="5"/>
      <c r="H376" s="5"/>
      <c r="I376" s="5"/>
      <c r="J376" s="5"/>
      <c r="K376" s="3"/>
      <c r="L376" s="3"/>
    </row>
    <row r="377" spans="1:12" x14ac:dyDescent="0.4">
      <c r="A377" s="5"/>
      <c r="B377" s="5"/>
      <c r="C377" s="3"/>
      <c r="D377" s="3"/>
      <c r="E377" s="3"/>
      <c r="F377" s="3"/>
      <c r="G377" s="5"/>
      <c r="H377" s="5"/>
      <c r="I377" s="5"/>
      <c r="J377" s="5"/>
      <c r="K377" s="3"/>
      <c r="L377" s="3"/>
    </row>
    <row r="378" spans="1:12" x14ac:dyDescent="0.4">
      <c r="A378" s="5"/>
      <c r="B378" s="5"/>
      <c r="C378" s="3"/>
      <c r="D378" s="3"/>
      <c r="E378" s="3"/>
      <c r="F378" s="3"/>
      <c r="G378" s="5"/>
      <c r="H378" s="5"/>
      <c r="I378" s="5"/>
      <c r="J378" s="5"/>
      <c r="K378" s="3"/>
      <c r="L378" s="3"/>
    </row>
    <row r="379" spans="1:12" x14ac:dyDescent="0.4">
      <c r="A379" s="5"/>
      <c r="B379" s="5"/>
      <c r="C379" s="3"/>
      <c r="D379" s="3"/>
      <c r="E379" s="3"/>
      <c r="F379" s="3"/>
      <c r="G379" s="5"/>
      <c r="H379" s="5"/>
      <c r="I379" s="5"/>
      <c r="J379" s="5"/>
      <c r="K379" s="3"/>
      <c r="L379" s="3"/>
    </row>
    <row r="380" spans="1:12" x14ac:dyDescent="0.4">
      <c r="A380" s="5"/>
      <c r="B380" s="5"/>
      <c r="C380" s="3"/>
      <c r="D380" s="3"/>
      <c r="E380" s="3"/>
      <c r="F380" s="3"/>
      <c r="G380" s="5"/>
      <c r="H380" s="5"/>
      <c r="I380" s="5"/>
      <c r="J380" s="5"/>
      <c r="K380" s="3"/>
      <c r="L380" s="3"/>
    </row>
    <row r="381" spans="1:12" x14ac:dyDescent="0.4">
      <c r="A381" s="5"/>
      <c r="B381" s="5"/>
      <c r="C381" s="3"/>
      <c r="D381" s="3"/>
      <c r="E381" s="3"/>
      <c r="F381" s="3"/>
      <c r="G381" s="5"/>
      <c r="H381" s="5"/>
      <c r="I381" s="5"/>
      <c r="J381" s="5"/>
      <c r="K381" s="3"/>
      <c r="L381" s="3"/>
    </row>
    <row r="382" spans="1:12" x14ac:dyDescent="0.4">
      <c r="A382" s="5"/>
      <c r="B382" s="5"/>
      <c r="C382" s="3"/>
      <c r="D382" s="3"/>
      <c r="E382" s="3"/>
      <c r="F382" s="3"/>
      <c r="G382" s="5"/>
      <c r="H382" s="5"/>
      <c r="I382" s="5"/>
      <c r="J382" s="5"/>
      <c r="K382" s="3"/>
      <c r="L382" s="3"/>
    </row>
    <row r="383" spans="1:12" x14ac:dyDescent="0.4">
      <c r="A383" s="5"/>
      <c r="B383" s="5"/>
      <c r="C383" s="3"/>
      <c r="D383" s="3"/>
      <c r="E383" s="3"/>
      <c r="F383" s="3"/>
      <c r="G383" s="5"/>
      <c r="H383" s="5"/>
      <c r="I383" s="5"/>
      <c r="J383" s="5"/>
      <c r="K383" s="3"/>
      <c r="L383" s="3"/>
    </row>
    <row r="384" spans="1:12" x14ac:dyDescent="0.4">
      <c r="A384" s="5"/>
      <c r="B384" s="5"/>
      <c r="C384" s="3"/>
      <c r="D384" s="3"/>
      <c r="E384" s="3"/>
      <c r="F384" s="3"/>
      <c r="G384" s="5"/>
      <c r="H384" s="5"/>
      <c r="I384" s="5"/>
      <c r="J384" s="5"/>
      <c r="K384" s="3"/>
      <c r="L384" s="3"/>
    </row>
    <row r="385" spans="1:12" x14ac:dyDescent="0.4">
      <c r="A385" s="5"/>
      <c r="B385" s="5"/>
      <c r="C385" s="3"/>
      <c r="D385" s="3"/>
      <c r="E385" s="3"/>
      <c r="F385" s="3"/>
      <c r="G385" s="5"/>
      <c r="H385" s="5"/>
      <c r="I385" s="5"/>
      <c r="J385" s="5"/>
      <c r="K385" s="3"/>
      <c r="L385" s="3"/>
    </row>
    <row r="386" spans="1:12" x14ac:dyDescent="0.4">
      <c r="A386" s="5"/>
      <c r="B386" s="5"/>
      <c r="C386" s="3"/>
      <c r="D386" s="3"/>
      <c r="E386" s="3"/>
      <c r="F386" s="3"/>
      <c r="G386" s="5"/>
      <c r="H386" s="5"/>
      <c r="I386" s="5"/>
      <c r="J386" s="5"/>
      <c r="K386" s="3"/>
      <c r="L386" s="3"/>
    </row>
    <row r="387" spans="1:12" x14ac:dyDescent="0.4">
      <c r="A387" s="5"/>
      <c r="B387" s="5"/>
      <c r="C387" s="3"/>
      <c r="D387" s="3"/>
      <c r="E387" s="3"/>
      <c r="F387" s="3"/>
      <c r="G387" s="5"/>
      <c r="H387" s="5"/>
      <c r="I387" s="5"/>
      <c r="J387" s="5"/>
      <c r="K387" s="3"/>
      <c r="L387" s="3"/>
    </row>
    <row r="388" spans="1:12" x14ac:dyDescent="0.4">
      <c r="A388" s="5"/>
      <c r="B388" s="5"/>
      <c r="C388" s="3"/>
      <c r="D388" s="3"/>
      <c r="E388" s="3"/>
      <c r="F388" s="3"/>
      <c r="G388" s="5"/>
      <c r="H388" s="5"/>
      <c r="I388" s="5"/>
      <c r="J388" s="5"/>
      <c r="K388" s="3"/>
      <c r="L388" s="3"/>
    </row>
    <row r="389" spans="1:12" x14ac:dyDescent="0.4">
      <c r="A389" s="5"/>
      <c r="B389" s="5"/>
      <c r="C389" s="3"/>
      <c r="D389" s="3"/>
      <c r="E389" s="3"/>
      <c r="F389" s="3"/>
      <c r="G389" s="5"/>
      <c r="H389" s="5"/>
      <c r="I389" s="5"/>
      <c r="J389" s="5"/>
      <c r="K389" s="3"/>
      <c r="L389" s="3"/>
    </row>
    <row r="390" spans="1:12" x14ac:dyDescent="0.4">
      <c r="A390" s="5"/>
      <c r="B390" s="5"/>
      <c r="C390" s="3"/>
      <c r="D390" s="3"/>
      <c r="E390" s="3"/>
      <c r="F390" s="3"/>
      <c r="G390" s="5"/>
      <c r="H390" s="5"/>
      <c r="I390" s="5"/>
      <c r="J390" s="5"/>
      <c r="K390" s="3"/>
      <c r="L390" s="3"/>
    </row>
    <row r="391" spans="1:12" x14ac:dyDescent="0.4">
      <c r="A391" s="5"/>
      <c r="B391" s="5"/>
      <c r="C391" s="3"/>
      <c r="D391" s="3"/>
      <c r="E391" s="3"/>
      <c r="F391" s="3"/>
      <c r="G391" s="5"/>
      <c r="H391" s="5"/>
      <c r="I391" s="5"/>
      <c r="J391" s="5"/>
      <c r="K391" s="3"/>
      <c r="L391" s="3"/>
    </row>
    <row r="392" spans="1:12" x14ac:dyDescent="0.4">
      <c r="A392" s="5"/>
      <c r="B392" s="5"/>
      <c r="C392" s="3"/>
      <c r="D392" s="3"/>
      <c r="E392" s="3"/>
      <c r="F392" s="3"/>
      <c r="G392" s="5"/>
      <c r="H392" s="5"/>
      <c r="I392" s="5"/>
      <c r="J392" s="5"/>
      <c r="K392" s="3"/>
      <c r="L392" s="3"/>
    </row>
    <row r="393" spans="1:12" x14ac:dyDescent="0.4">
      <c r="A393" s="5"/>
      <c r="B393" s="5"/>
      <c r="C393" s="3"/>
      <c r="D393" s="3"/>
      <c r="E393" s="3"/>
      <c r="F393" s="3"/>
      <c r="G393" s="5"/>
      <c r="H393" s="5"/>
      <c r="I393" s="5"/>
      <c r="J393" s="5"/>
      <c r="K393" s="3"/>
      <c r="L393" s="3"/>
    </row>
    <row r="394" spans="1:12" x14ac:dyDescent="0.4">
      <c r="A394" s="5"/>
      <c r="B394" s="5"/>
      <c r="C394" s="3"/>
      <c r="D394" s="3"/>
      <c r="E394" s="3"/>
      <c r="F394" s="3"/>
      <c r="G394" s="5"/>
      <c r="H394" s="5"/>
      <c r="I394" s="5"/>
      <c r="J394" s="5"/>
      <c r="K394" s="3"/>
      <c r="L394" s="3"/>
    </row>
    <row r="395" spans="1:12" x14ac:dyDescent="0.4">
      <c r="A395" s="5"/>
      <c r="B395" s="5"/>
      <c r="C395" s="3"/>
      <c r="D395" s="3"/>
      <c r="E395" s="3"/>
      <c r="F395" s="3"/>
      <c r="G395" s="5"/>
      <c r="H395" s="5"/>
      <c r="I395" s="5"/>
      <c r="J395" s="5"/>
      <c r="K395" s="3"/>
      <c r="L395" s="3"/>
    </row>
    <row r="396" spans="1:12" x14ac:dyDescent="0.4">
      <c r="A396" s="5"/>
      <c r="B396" s="5"/>
      <c r="C396" s="3"/>
      <c r="D396" s="3"/>
      <c r="E396" s="3"/>
      <c r="F396" s="3"/>
      <c r="G396" s="5"/>
      <c r="H396" s="5"/>
      <c r="I396" s="5"/>
      <c r="J396" s="5"/>
      <c r="K396" s="3"/>
      <c r="L396" s="3"/>
    </row>
    <row r="397" spans="1:12" x14ac:dyDescent="0.4">
      <c r="A397" s="5"/>
      <c r="B397" s="5"/>
      <c r="C397" s="3"/>
      <c r="D397" s="3"/>
      <c r="E397" s="3"/>
      <c r="F397" s="3"/>
      <c r="G397" s="5"/>
      <c r="H397" s="5"/>
      <c r="I397" s="5"/>
      <c r="J397" s="5"/>
      <c r="K397" s="3"/>
      <c r="L397" s="3"/>
    </row>
    <row r="398" spans="1:12" x14ac:dyDescent="0.4">
      <c r="A398" s="5"/>
      <c r="B398" s="5"/>
      <c r="C398" s="3"/>
      <c r="D398" s="3"/>
      <c r="E398" s="3"/>
      <c r="F398" s="3"/>
      <c r="G398" s="5"/>
      <c r="H398" s="5"/>
      <c r="I398" s="5"/>
      <c r="J398" s="5"/>
      <c r="K398" s="3"/>
      <c r="L398" s="3"/>
    </row>
    <row r="399" spans="1:12" x14ac:dyDescent="0.4">
      <c r="A399" s="5"/>
      <c r="B399" s="5"/>
      <c r="C399" s="3"/>
      <c r="D399" s="3"/>
      <c r="E399" s="3"/>
      <c r="F399" s="3"/>
      <c r="G399" s="5"/>
      <c r="H399" s="5"/>
      <c r="I399" s="5"/>
      <c r="J399" s="5"/>
      <c r="K399" s="3"/>
      <c r="L399" s="3"/>
    </row>
    <row r="400" spans="1:12" x14ac:dyDescent="0.4">
      <c r="A400" s="5"/>
      <c r="B400" s="5"/>
      <c r="C400" s="3"/>
      <c r="D400" s="3"/>
      <c r="E400" s="3"/>
      <c r="F400" s="3"/>
      <c r="G400" s="5"/>
      <c r="H400" s="5"/>
      <c r="I400" s="5"/>
      <c r="J400" s="5"/>
      <c r="K400" s="3"/>
      <c r="L400" s="3"/>
    </row>
    <row r="401" spans="1:12" x14ac:dyDescent="0.4">
      <c r="A401" s="5"/>
      <c r="B401" s="5"/>
      <c r="C401" s="3"/>
      <c r="D401" s="3"/>
      <c r="E401" s="3"/>
      <c r="F401" s="3"/>
      <c r="G401" s="5"/>
      <c r="H401" s="5"/>
      <c r="I401" s="5"/>
      <c r="J401" s="5"/>
      <c r="K401" s="3"/>
      <c r="L401" s="3"/>
    </row>
    <row r="402" spans="1:12" x14ac:dyDescent="0.4">
      <c r="A402" s="5"/>
      <c r="B402" s="5"/>
      <c r="C402" s="3"/>
      <c r="D402" s="3"/>
      <c r="E402" s="3"/>
      <c r="F402" s="3"/>
      <c r="G402" s="5"/>
      <c r="H402" s="5"/>
      <c r="I402" s="5"/>
      <c r="J402" s="5"/>
      <c r="K402" s="3"/>
      <c r="L402" s="3"/>
    </row>
    <row r="403" spans="1:12" x14ac:dyDescent="0.4">
      <c r="A403" s="5"/>
      <c r="B403" s="5"/>
      <c r="C403" s="3"/>
      <c r="D403" s="3"/>
      <c r="E403" s="3"/>
      <c r="F403" s="3"/>
      <c r="G403" s="5"/>
      <c r="H403" s="5"/>
      <c r="I403" s="5"/>
      <c r="J403" s="5"/>
      <c r="K403" s="3"/>
      <c r="L403" s="3"/>
    </row>
    <row r="404" spans="1:12" x14ac:dyDescent="0.4">
      <c r="A404" s="5"/>
      <c r="B404" s="5"/>
      <c r="C404" s="3"/>
      <c r="D404" s="3"/>
      <c r="E404" s="3"/>
      <c r="F404" s="3"/>
      <c r="G404" s="5"/>
      <c r="H404" s="5"/>
      <c r="I404" s="5"/>
      <c r="J404" s="5"/>
      <c r="K404" s="3"/>
      <c r="L404" s="3"/>
    </row>
    <row r="405" spans="1:12" x14ac:dyDescent="0.4">
      <c r="A405" s="5"/>
      <c r="B405" s="5"/>
      <c r="C405" s="3"/>
      <c r="D405" s="3"/>
      <c r="E405" s="3"/>
      <c r="F405" s="3"/>
      <c r="G405" s="5"/>
      <c r="H405" s="5"/>
      <c r="I405" s="5"/>
      <c r="J405" s="5"/>
      <c r="K405" s="3"/>
      <c r="L405" s="3"/>
    </row>
    <row r="406" spans="1:12" x14ac:dyDescent="0.4">
      <c r="A406" s="5"/>
      <c r="B406" s="5"/>
      <c r="C406" s="3"/>
      <c r="D406" s="3"/>
      <c r="E406" s="3"/>
      <c r="F406" s="3"/>
      <c r="G406" s="5"/>
      <c r="H406" s="5"/>
      <c r="I406" s="5"/>
      <c r="J406" s="5"/>
      <c r="K406" s="3"/>
      <c r="L406" s="3"/>
    </row>
    <row r="407" spans="1:12" x14ac:dyDescent="0.4">
      <c r="A407" s="5"/>
      <c r="B407" s="5"/>
      <c r="C407" s="3"/>
      <c r="D407" s="3"/>
      <c r="E407" s="3"/>
      <c r="F407" s="3"/>
      <c r="G407" s="5"/>
      <c r="H407" s="5"/>
      <c r="I407" s="5"/>
      <c r="J407" s="5"/>
      <c r="K407" s="3"/>
      <c r="L407" s="3"/>
    </row>
    <row r="408" spans="1:12" x14ac:dyDescent="0.4">
      <c r="A408" s="5"/>
      <c r="B408" s="5"/>
      <c r="C408" s="3"/>
      <c r="D408" s="3"/>
      <c r="E408" s="3"/>
      <c r="F408" s="3"/>
      <c r="G408" s="5"/>
      <c r="H408" s="5"/>
      <c r="I408" s="5"/>
      <c r="J408" s="5"/>
      <c r="K408" s="3"/>
      <c r="L408" s="3"/>
    </row>
    <row r="409" spans="1:12" x14ac:dyDescent="0.4">
      <c r="A409" s="5"/>
      <c r="B409" s="5"/>
      <c r="C409" s="3"/>
      <c r="D409" s="3"/>
      <c r="E409" s="3"/>
      <c r="F409" s="3"/>
      <c r="G409" s="5"/>
      <c r="H409" s="5"/>
      <c r="I409" s="5"/>
      <c r="J409" s="5"/>
      <c r="K409" s="3"/>
      <c r="L409" s="3"/>
    </row>
    <row r="410" spans="1:12" x14ac:dyDescent="0.4">
      <c r="A410" s="5"/>
      <c r="B410" s="5"/>
      <c r="C410" s="3"/>
      <c r="D410" s="3"/>
      <c r="E410" s="3"/>
      <c r="F410" s="3"/>
      <c r="G410" s="5"/>
      <c r="H410" s="5"/>
      <c r="I410" s="5"/>
      <c r="J410" s="5"/>
      <c r="K410" s="3"/>
      <c r="L410" s="3"/>
    </row>
    <row r="411" spans="1:12" x14ac:dyDescent="0.4">
      <c r="A411" s="5"/>
      <c r="B411" s="5"/>
      <c r="C411" s="3"/>
      <c r="D411" s="3"/>
      <c r="E411" s="3"/>
      <c r="F411" s="3"/>
      <c r="G411" s="5"/>
      <c r="H411" s="5"/>
      <c r="I411" s="5"/>
      <c r="J411" s="5"/>
      <c r="K411" s="3"/>
      <c r="L411" s="3"/>
    </row>
    <row r="412" spans="1:12" x14ac:dyDescent="0.4">
      <c r="A412" s="5"/>
      <c r="B412" s="5"/>
      <c r="C412" s="3"/>
      <c r="D412" s="3"/>
      <c r="E412" s="3"/>
      <c r="F412" s="3"/>
      <c r="G412" s="5"/>
      <c r="H412" s="5"/>
      <c r="I412" s="5"/>
      <c r="J412" s="5"/>
      <c r="K412" s="3"/>
      <c r="L412" s="3"/>
    </row>
    <row r="413" spans="1:12" x14ac:dyDescent="0.4">
      <c r="A413" s="5"/>
      <c r="B413" s="5"/>
      <c r="C413" s="3"/>
      <c r="D413" s="3"/>
      <c r="E413" s="3"/>
      <c r="F413" s="3"/>
      <c r="G413" s="5"/>
      <c r="H413" s="5"/>
      <c r="I413" s="5"/>
      <c r="J413" s="5"/>
      <c r="K413" s="3"/>
      <c r="L413" s="3"/>
    </row>
    <row r="414" spans="1:12" x14ac:dyDescent="0.4">
      <c r="A414" s="5"/>
      <c r="B414" s="5"/>
      <c r="C414" s="3"/>
      <c r="D414" s="3"/>
      <c r="E414" s="3"/>
      <c r="F414" s="3"/>
      <c r="G414" s="5"/>
      <c r="H414" s="5"/>
      <c r="I414" s="5"/>
      <c r="J414" s="5"/>
      <c r="K414" s="3"/>
      <c r="L414" s="3"/>
    </row>
    <row r="415" spans="1:12" x14ac:dyDescent="0.4">
      <c r="A415" s="5"/>
      <c r="B415" s="5"/>
      <c r="C415" s="3"/>
      <c r="D415" s="3"/>
      <c r="E415" s="3"/>
      <c r="F415" s="3"/>
      <c r="G415" s="5"/>
      <c r="H415" s="5"/>
      <c r="I415" s="5"/>
      <c r="J415" s="5"/>
      <c r="K415" s="3"/>
      <c r="L415" s="3"/>
    </row>
    <row r="416" spans="1:12" x14ac:dyDescent="0.4">
      <c r="A416" s="5"/>
      <c r="B416" s="5"/>
      <c r="C416" s="3"/>
      <c r="D416" s="3"/>
      <c r="E416" s="3"/>
      <c r="F416" s="3"/>
      <c r="G416" s="5"/>
      <c r="H416" s="5"/>
      <c r="I416" s="5"/>
      <c r="J416" s="5"/>
      <c r="K416" s="3"/>
      <c r="L416" s="3"/>
    </row>
    <row r="417" spans="1:12" x14ac:dyDescent="0.4">
      <c r="A417" s="5"/>
      <c r="B417" s="5"/>
      <c r="C417" s="3"/>
      <c r="D417" s="3"/>
      <c r="E417" s="3"/>
      <c r="F417" s="3"/>
      <c r="G417" s="5"/>
      <c r="H417" s="5"/>
      <c r="I417" s="5"/>
      <c r="J417" s="5"/>
      <c r="K417" s="3"/>
      <c r="L417" s="3"/>
    </row>
    <row r="418" spans="1:12" x14ac:dyDescent="0.4">
      <c r="A418" s="5"/>
      <c r="B418" s="5"/>
      <c r="C418" s="3"/>
      <c r="D418" s="3"/>
      <c r="E418" s="3"/>
      <c r="F418" s="3"/>
      <c r="G418" s="5"/>
      <c r="H418" s="5"/>
      <c r="I418" s="5"/>
      <c r="J418" s="5"/>
      <c r="K418" s="3"/>
      <c r="L418" s="3"/>
    </row>
    <row r="419" spans="1:12" x14ac:dyDescent="0.4">
      <c r="A419" s="5"/>
      <c r="B419" s="5"/>
      <c r="C419" s="3"/>
      <c r="D419" s="3"/>
      <c r="E419" s="3"/>
      <c r="F419" s="3"/>
      <c r="G419" s="5"/>
      <c r="H419" s="5"/>
      <c r="I419" s="5"/>
      <c r="J419" s="5"/>
      <c r="K419" s="3"/>
      <c r="L419" s="3"/>
    </row>
    <row r="420" spans="1:12" x14ac:dyDescent="0.4">
      <c r="A420" s="5"/>
      <c r="B420" s="5"/>
      <c r="C420" s="3"/>
      <c r="D420" s="3"/>
      <c r="E420" s="3"/>
      <c r="F420" s="3"/>
      <c r="G420" s="5"/>
      <c r="H420" s="5"/>
      <c r="I420" s="5"/>
      <c r="J420" s="5"/>
      <c r="K420" s="3"/>
      <c r="L420" s="3"/>
    </row>
    <row r="421" spans="1:12" x14ac:dyDescent="0.4">
      <c r="A421" s="5"/>
      <c r="B421" s="5"/>
      <c r="C421" s="3"/>
      <c r="D421" s="3"/>
      <c r="E421" s="3"/>
      <c r="F421" s="3"/>
      <c r="G421" s="5"/>
      <c r="H421" s="5"/>
      <c r="I421" s="5"/>
      <c r="J421" s="5"/>
      <c r="K421" s="3"/>
      <c r="L421" s="3"/>
    </row>
    <row r="422" spans="1:12" x14ac:dyDescent="0.4">
      <c r="A422" s="5"/>
      <c r="B422" s="5"/>
      <c r="C422" s="3"/>
      <c r="D422" s="3"/>
      <c r="E422" s="3"/>
      <c r="F422" s="3"/>
      <c r="G422" s="5"/>
      <c r="H422" s="5"/>
      <c r="I422" s="5"/>
      <c r="J422" s="5"/>
      <c r="K422" s="3"/>
      <c r="L422" s="3"/>
    </row>
    <row r="423" spans="1:12" x14ac:dyDescent="0.4">
      <c r="A423" s="5"/>
      <c r="B423" s="5"/>
      <c r="C423" s="3"/>
      <c r="D423" s="3"/>
      <c r="E423" s="3"/>
      <c r="F423" s="3"/>
      <c r="G423" s="5"/>
      <c r="H423" s="5"/>
      <c r="I423" s="5"/>
      <c r="J423" s="5"/>
      <c r="K423" s="3"/>
      <c r="L423" s="3"/>
    </row>
    <row r="424" spans="1:12" x14ac:dyDescent="0.4">
      <c r="A424" s="5"/>
      <c r="B424" s="5"/>
      <c r="C424" s="3"/>
      <c r="D424" s="3"/>
      <c r="E424" s="3"/>
      <c r="F424" s="3"/>
      <c r="G424" s="5"/>
      <c r="H424" s="5"/>
      <c r="I424" s="5"/>
      <c r="J424" s="5"/>
      <c r="K424" s="3"/>
      <c r="L424" s="3"/>
    </row>
    <row r="425" spans="1:12" x14ac:dyDescent="0.4">
      <c r="A425" s="5"/>
      <c r="B425" s="5"/>
      <c r="C425" s="3"/>
      <c r="D425" s="3"/>
      <c r="E425" s="3"/>
      <c r="F425" s="3"/>
      <c r="G425" s="5"/>
      <c r="H425" s="5"/>
      <c r="I425" s="5"/>
      <c r="J425" s="5"/>
      <c r="K425" s="3"/>
      <c r="L425" s="3"/>
    </row>
    <row r="426" spans="1:12" x14ac:dyDescent="0.4">
      <c r="A426" s="5"/>
      <c r="B426" s="5"/>
      <c r="C426" s="3"/>
      <c r="D426" s="3"/>
      <c r="E426" s="3"/>
      <c r="F426" s="3"/>
      <c r="G426" s="5"/>
      <c r="H426" s="5"/>
      <c r="I426" s="5"/>
      <c r="J426" s="5"/>
      <c r="K426" s="3"/>
      <c r="L426" s="3"/>
    </row>
    <row r="427" spans="1:12" x14ac:dyDescent="0.4">
      <c r="A427" s="5"/>
      <c r="B427" s="5"/>
      <c r="C427" s="3"/>
      <c r="D427" s="3"/>
      <c r="E427" s="3"/>
      <c r="F427" s="3"/>
      <c r="G427" s="5"/>
      <c r="H427" s="5"/>
      <c r="I427" s="5"/>
      <c r="J427" s="5"/>
      <c r="K427" s="3"/>
      <c r="L427" s="3"/>
    </row>
    <row r="428" spans="1:12" x14ac:dyDescent="0.4">
      <c r="A428" s="5"/>
      <c r="B428" s="5"/>
      <c r="C428" s="3"/>
      <c r="D428" s="3"/>
      <c r="E428" s="3"/>
      <c r="F428" s="3"/>
      <c r="G428" s="5"/>
      <c r="H428" s="5"/>
      <c r="I428" s="5"/>
      <c r="J428" s="5"/>
      <c r="K428" s="3"/>
      <c r="L428" s="3"/>
    </row>
    <row r="429" spans="1:12" x14ac:dyDescent="0.4">
      <c r="A429" s="5"/>
      <c r="B429" s="5"/>
      <c r="C429" s="3"/>
      <c r="D429" s="3"/>
      <c r="E429" s="3"/>
      <c r="F429" s="3"/>
      <c r="G429" s="5"/>
      <c r="H429" s="5"/>
      <c r="I429" s="5"/>
      <c r="J429" s="5"/>
      <c r="K429" s="3"/>
      <c r="L429" s="3"/>
    </row>
    <row r="430" spans="1:12" x14ac:dyDescent="0.4">
      <c r="A430" s="5"/>
      <c r="B430" s="5"/>
      <c r="C430" s="3"/>
      <c r="D430" s="3"/>
      <c r="E430" s="3"/>
      <c r="F430" s="3"/>
      <c r="G430" s="5"/>
      <c r="H430" s="5"/>
      <c r="I430" s="5"/>
      <c r="J430" s="5"/>
      <c r="K430" s="3"/>
      <c r="L430" s="3"/>
    </row>
    <row r="431" spans="1:12" x14ac:dyDescent="0.4">
      <c r="A431" s="5"/>
      <c r="B431" s="5"/>
      <c r="C431" s="3"/>
      <c r="D431" s="3"/>
      <c r="E431" s="3"/>
      <c r="F431" s="3"/>
      <c r="G431" s="5"/>
      <c r="H431" s="5"/>
      <c r="I431" s="5"/>
      <c r="J431" s="5"/>
      <c r="K431" s="3"/>
      <c r="L431" s="3"/>
    </row>
    <row r="432" spans="1:12" x14ac:dyDescent="0.4">
      <c r="A432" s="5"/>
      <c r="B432" s="5"/>
      <c r="C432" s="3"/>
      <c r="D432" s="3"/>
      <c r="E432" s="3"/>
      <c r="F432" s="3"/>
      <c r="G432" s="5"/>
      <c r="H432" s="5"/>
      <c r="I432" s="5"/>
      <c r="J432" s="5"/>
      <c r="K432" s="3"/>
      <c r="L432" s="3"/>
    </row>
    <row r="433" spans="1:12" x14ac:dyDescent="0.4">
      <c r="A433" s="5"/>
      <c r="B433" s="5"/>
      <c r="C433" s="3"/>
      <c r="D433" s="3"/>
      <c r="E433" s="3"/>
      <c r="F433" s="3"/>
      <c r="G433" s="5"/>
      <c r="H433" s="5"/>
      <c r="I433" s="5"/>
      <c r="J433" s="5"/>
      <c r="K433" s="3"/>
      <c r="L433" s="3"/>
    </row>
    <row r="434" spans="1:12" x14ac:dyDescent="0.4">
      <c r="A434" s="5"/>
      <c r="B434" s="5"/>
      <c r="C434" s="3"/>
      <c r="D434" s="3"/>
      <c r="E434" s="3"/>
      <c r="F434" s="3"/>
      <c r="G434" s="5"/>
      <c r="H434" s="5"/>
      <c r="I434" s="5"/>
      <c r="J434" s="5"/>
      <c r="K434" s="3"/>
      <c r="L434" s="3"/>
    </row>
    <row r="435" spans="1:12" x14ac:dyDescent="0.4">
      <c r="A435" s="5"/>
      <c r="B435" s="5"/>
      <c r="C435" s="3"/>
      <c r="D435" s="3"/>
      <c r="E435" s="3"/>
      <c r="F435" s="3"/>
      <c r="G435" s="5"/>
      <c r="H435" s="5"/>
      <c r="I435" s="5"/>
      <c r="J435" s="5"/>
      <c r="K435" s="3"/>
      <c r="L435" s="3"/>
    </row>
    <row r="436" spans="1:12" x14ac:dyDescent="0.4">
      <c r="A436" s="5"/>
      <c r="B436" s="5"/>
      <c r="C436" s="3"/>
      <c r="D436" s="3"/>
      <c r="E436" s="3"/>
      <c r="F436" s="3"/>
      <c r="G436" s="5"/>
      <c r="H436" s="5"/>
      <c r="I436" s="5"/>
      <c r="J436" s="5"/>
      <c r="K436" s="3"/>
      <c r="L436" s="3"/>
    </row>
    <row r="437" spans="1:12" x14ac:dyDescent="0.4">
      <c r="A437" s="5"/>
      <c r="B437" s="5"/>
      <c r="C437" s="3"/>
      <c r="D437" s="3"/>
      <c r="E437" s="3"/>
      <c r="F437" s="3"/>
      <c r="G437" s="5"/>
      <c r="H437" s="5"/>
      <c r="I437" s="5"/>
      <c r="J437" s="5"/>
      <c r="K437" s="3"/>
      <c r="L437" s="3"/>
    </row>
    <row r="438" spans="1:12" x14ac:dyDescent="0.4">
      <c r="A438" s="5"/>
      <c r="B438" s="5"/>
      <c r="C438" s="3"/>
      <c r="D438" s="3"/>
      <c r="E438" s="3"/>
      <c r="F438" s="3"/>
      <c r="G438" s="5"/>
      <c r="H438" s="5"/>
      <c r="I438" s="5"/>
      <c r="J438" s="5"/>
      <c r="K438" s="3"/>
      <c r="L438" s="3"/>
    </row>
    <row r="439" spans="1:12" x14ac:dyDescent="0.4">
      <c r="A439" s="5"/>
      <c r="B439" s="5"/>
      <c r="C439" s="3"/>
      <c r="D439" s="3"/>
      <c r="E439" s="3"/>
      <c r="F439" s="3"/>
      <c r="G439" s="5"/>
      <c r="H439" s="5"/>
      <c r="I439" s="5"/>
      <c r="J439" s="5"/>
      <c r="K439" s="3"/>
      <c r="L439" s="3"/>
    </row>
    <row r="440" spans="1:12" x14ac:dyDescent="0.4">
      <c r="A440" s="5"/>
      <c r="B440" s="5"/>
      <c r="C440" s="3"/>
      <c r="D440" s="3"/>
      <c r="E440" s="3"/>
      <c r="F440" s="3"/>
      <c r="G440" s="5"/>
      <c r="H440" s="5"/>
      <c r="I440" s="5"/>
      <c r="J440" s="5"/>
      <c r="K440" s="3"/>
      <c r="L440" s="3"/>
    </row>
    <row r="441" spans="1:12" x14ac:dyDescent="0.4">
      <c r="A441" s="5"/>
      <c r="B441" s="5"/>
      <c r="C441" s="3"/>
      <c r="D441" s="3"/>
      <c r="E441" s="3"/>
      <c r="F441" s="3"/>
      <c r="G441" s="5"/>
      <c r="H441" s="5"/>
      <c r="I441" s="5"/>
      <c r="J441" s="5"/>
      <c r="K441" s="3"/>
      <c r="L441" s="3"/>
    </row>
    <row r="442" spans="1:12" x14ac:dyDescent="0.4">
      <c r="A442" s="5"/>
      <c r="B442" s="5"/>
      <c r="C442" s="3"/>
      <c r="D442" s="3"/>
      <c r="E442" s="3"/>
      <c r="F442" s="3"/>
      <c r="G442" s="5"/>
      <c r="H442" s="5"/>
      <c r="I442" s="5"/>
      <c r="J442" s="5"/>
      <c r="K442" s="3"/>
      <c r="L442" s="3"/>
    </row>
    <row r="443" spans="1:12" x14ac:dyDescent="0.4">
      <c r="A443" s="5"/>
      <c r="B443" s="5"/>
      <c r="C443" s="3"/>
      <c r="D443" s="3"/>
      <c r="E443" s="3"/>
      <c r="F443" s="3"/>
      <c r="G443" s="5"/>
      <c r="H443" s="5"/>
      <c r="I443" s="5"/>
      <c r="J443" s="5"/>
      <c r="K443" s="3"/>
      <c r="L443" s="3"/>
    </row>
    <row r="444" spans="1:12" x14ac:dyDescent="0.4">
      <c r="A444" s="5"/>
      <c r="B444" s="5"/>
      <c r="C444" s="3"/>
      <c r="D444" s="3"/>
      <c r="E444" s="3"/>
      <c r="F444" s="3"/>
      <c r="G444" s="5"/>
      <c r="H444" s="5"/>
      <c r="I444" s="5"/>
      <c r="J444" s="5"/>
      <c r="K444" s="3"/>
      <c r="L444" s="3"/>
    </row>
    <row r="445" spans="1:12" x14ac:dyDescent="0.4">
      <c r="A445" s="5"/>
      <c r="B445" s="5"/>
      <c r="C445" s="3"/>
      <c r="D445" s="3"/>
      <c r="E445" s="3"/>
      <c r="F445" s="3"/>
      <c r="G445" s="5"/>
      <c r="H445" s="5"/>
      <c r="I445" s="5"/>
      <c r="J445" s="5"/>
      <c r="K445" s="3"/>
      <c r="L445" s="3"/>
    </row>
    <row r="446" spans="1:12" x14ac:dyDescent="0.4">
      <c r="A446" s="5"/>
      <c r="B446" s="5"/>
      <c r="C446" s="3"/>
      <c r="D446" s="3"/>
      <c r="E446" s="3"/>
      <c r="F446" s="3"/>
      <c r="G446" s="5"/>
      <c r="H446" s="5"/>
      <c r="I446" s="5"/>
      <c r="J446" s="5"/>
      <c r="K446" s="3"/>
      <c r="L446" s="3"/>
    </row>
    <row r="447" spans="1:12" x14ac:dyDescent="0.4">
      <c r="A447" s="5"/>
      <c r="B447" s="5"/>
      <c r="C447" s="3"/>
      <c r="D447" s="3"/>
      <c r="E447" s="3"/>
      <c r="F447" s="3"/>
      <c r="G447" s="5"/>
      <c r="H447" s="5"/>
      <c r="I447" s="5"/>
      <c r="J447" s="5"/>
      <c r="K447" s="3"/>
      <c r="L447" s="3"/>
    </row>
    <row r="448" spans="1:12" x14ac:dyDescent="0.4">
      <c r="A448" s="5"/>
      <c r="B448" s="5"/>
      <c r="C448" s="3"/>
      <c r="D448" s="3"/>
      <c r="E448" s="3"/>
      <c r="F448" s="3"/>
      <c r="G448" s="5"/>
      <c r="H448" s="5"/>
      <c r="I448" s="5"/>
      <c r="J448" s="5"/>
      <c r="K448" s="3"/>
      <c r="L448" s="3"/>
    </row>
    <row r="449" spans="1:12" x14ac:dyDescent="0.4">
      <c r="A449" s="5"/>
      <c r="B449" s="5"/>
      <c r="C449" s="3"/>
      <c r="D449" s="3"/>
      <c r="E449" s="3"/>
      <c r="F449" s="3"/>
      <c r="G449" s="5"/>
      <c r="H449" s="5"/>
      <c r="I449" s="5"/>
      <c r="J449" s="5"/>
      <c r="K449" s="3"/>
      <c r="L449" s="3"/>
    </row>
    <row r="450" spans="1:12" x14ac:dyDescent="0.4">
      <c r="A450" s="5"/>
      <c r="B450" s="5"/>
      <c r="C450" s="3"/>
      <c r="D450" s="3"/>
      <c r="E450" s="3"/>
      <c r="F450" s="3"/>
      <c r="G450" s="5"/>
      <c r="H450" s="5"/>
      <c r="I450" s="5"/>
      <c r="J450" s="5"/>
      <c r="K450" s="3"/>
      <c r="L450" s="3"/>
    </row>
    <row r="451" spans="1:12" x14ac:dyDescent="0.4">
      <c r="A451" s="5"/>
      <c r="B451" s="5"/>
      <c r="C451" s="3"/>
      <c r="D451" s="3"/>
      <c r="E451" s="3"/>
      <c r="F451" s="3"/>
      <c r="G451" s="5"/>
      <c r="H451" s="5"/>
      <c r="I451" s="5"/>
      <c r="J451" s="5"/>
      <c r="K451" s="3"/>
      <c r="L451" s="3"/>
    </row>
    <row r="452" spans="1:12" x14ac:dyDescent="0.4">
      <c r="A452" s="5"/>
      <c r="B452" s="5"/>
      <c r="C452" s="3"/>
      <c r="D452" s="3"/>
      <c r="E452" s="3"/>
      <c r="F452" s="3"/>
      <c r="G452" s="5"/>
      <c r="H452" s="5"/>
      <c r="I452" s="5"/>
      <c r="J452" s="5"/>
      <c r="K452" s="3"/>
      <c r="L452" s="3"/>
    </row>
    <row r="453" spans="1:12" x14ac:dyDescent="0.4">
      <c r="A453" s="5"/>
      <c r="B453" s="5"/>
      <c r="C453" s="3"/>
      <c r="D453" s="3"/>
      <c r="E453" s="3"/>
      <c r="F453" s="3"/>
      <c r="G453" s="5"/>
      <c r="H453" s="5"/>
      <c r="I453" s="5"/>
      <c r="J453" s="5"/>
      <c r="K453" s="3"/>
      <c r="L453" s="3"/>
    </row>
    <row r="454" spans="1:12" x14ac:dyDescent="0.4">
      <c r="A454" s="5"/>
      <c r="B454" s="5"/>
      <c r="C454" s="3"/>
      <c r="D454" s="3"/>
      <c r="E454" s="3"/>
      <c r="F454" s="3"/>
      <c r="G454" s="5"/>
      <c r="H454" s="5"/>
      <c r="I454" s="5"/>
      <c r="J454" s="5"/>
      <c r="K454" s="3"/>
      <c r="L454" s="3"/>
    </row>
    <row r="455" spans="1:12" x14ac:dyDescent="0.4">
      <c r="A455" s="5"/>
      <c r="B455" s="5"/>
      <c r="C455" s="3"/>
      <c r="D455" s="3"/>
      <c r="E455" s="3"/>
      <c r="F455" s="3"/>
      <c r="G455" s="5"/>
      <c r="H455" s="5"/>
      <c r="I455" s="5"/>
      <c r="J455" s="5"/>
      <c r="K455" s="3"/>
      <c r="L455" s="3"/>
    </row>
    <row r="456" spans="1:12" x14ac:dyDescent="0.4">
      <c r="A456" s="5"/>
      <c r="B456" s="5"/>
      <c r="C456" s="3"/>
      <c r="D456" s="3"/>
      <c r="E456" s="3"/>
      <c r="F456" s="3"/>
      <c r="G456" s="5"/>
      <c r="H456" s="5"/>
      <c r="I456" s="5"/>
      <c r="J456" s="5"/>
      <c r="K456" s="3"/>
      <c r="L456" s="3"/>
    </row>
    <row r="457" spans="1:12" x14ac:dyDescent="0.4">
      <c r="A457" s="5"/>
      <c r="B457" s="5"/>
      <c r="C457" s="3"/>
      <c r="D457" s="3"/>
      <c r="E457" s="3"/>
      <c r="F457" s="3"/>
      <c r="G457" s="5"/>
      <c r="H457" s="5"/>
      <c r="I457" s="5"/>
      <c r="J457" s="5"/>
      <c r="K457" s="3"/>
      <c r="L457" s="3"/>
    </row>
    <row r="458" spans="1:12" x14ac:dyDescent="0.4">
      <c r="A458" s="5"/>
      <c r="B458" s="5"/>
      <c r="C458" s="3"/>
      <c r="D458" s="3"/>
      <c r="E458" s="3"/>
      <c r="F458" s="3"/>
      <c r="G458" s="5"/>
      <c r="H458" s="5"/>
      <c r="I458" s="5"/>
      <c r="J458" s="5"/>
      <c r="K458" s="3"/>
      <c r="L458" s="3"/>
    </row>
    <row r="459" spans="1:12" x14ac:dyDescent="0.4">
      <c r="A459" s="5"/>
      <c r="B459" s="5"/>
      <c r="C459" s="3"/>
      <c r="D459" s="3"/>
      <c r="E459" s="3"/>
      <c r="F459" s="3"/>
      <c r="G459" s="5"/>
      <c r="H459" s="5"/>
      <c r="I459" s="5"/>
      <c r="J459" s="5"/>
      <c r="K459" s="3"/>
      <c r="L459" s="3"/>
    </row>
    <row r="460" spans="1:12" x14ac:dyDescent="0.4">
      <c r="A460" s="5"/>
      <c r="B460" s="5"/>
      <c r="C460" s="3"/>
      <c r="D460" s="3"/>
      <c r="E460" s="3"/>
      <c r="F460" s="3"/>
      <c r="G460" s="5"/>
      <c r="H460" s="5"/>
      <c r="I460" s="5"/>
      <c r="J460" s="5"/>
      <c r="K460" s="3"/>
      <c r="L460" s="3"/>
    </row>
    <row r="461" spans="1:12" x14ac:dyDescent="0.4">
      <c r="A461" s="5"/>
      <c r="B461" s="5"/>
      <c r="C461" s="3"/>
      <c r="D461" s="3"/>
      <c r="E461" s="3"/>
      <c r="F461" s="3"/>
      <c r="G461" s="5"/>
      <c r="H461" s="5"/>
      <c r="I461" s="5"/>
      <c r="J461" s="5"/>
      <c r="K461" s="3"/>
      <c r="L461" s="3"/>
    </row>
    <row r="462" spans="1:12" x14ac:dyDescent="0.4">
      <c r="A462" s="5"/>
      <c r="B462" s="5"/>
      <c r="C462" s="3"/>
      <c r="D462" s="3"/>
      <c r="E462" s="3"/>
      <c r="F462" s="3"/>
      <c r="G462" s="5"/>
      <c r="H462" s="5"/>
      <c r="I462" s="5"/>
      <c r="J462" s="5"/>
      <c r="K462" s="3"/>
      <c r="L462" s="3"/>
    </row>
    <row r="463" spans="1:12" x14ac:dyDescent="0.4">
      <c r="A463" s="5"/>
      <c r="B463" s="5"/>
      <c r="C463" s="3"/>
      <c r="D463" s="3"/>
      <c r="E463" s="3"/>
      <c r="F463" s="3"/>
      <c r="G463" s="5"/>
      <c r="H463" s="5"/>
      <c r="I463" s="5"/>
      <c r="J463" s="5"/>
      <c r="K463" s="3"/>
      <c r="L463" s="3"/>
    </row>
    <row r="464" spans="1:12" x14ac:dyDescent="0.4">
      <c r="A464" s="5"/>
      <c r="B464" s="5"/>
      <c r="C464" s="3"/>
      <c r="D464" s="3"/>
      <c r="E464" s="3"/>
      <c r="F464" s="3"/>
      <c r="G464" s="5"/>
      <c r="H464" s="5"/>
      <c r="I464" s="5"/>
      <c r="J464" s="5"/>
      <c r="K464" s="3"/>
      <c r="L464" s="3"/>
    </row>
    <row r="465" spans="1:12" x14ac:dyDescent="0.4">
      <c r="A465" s="5"/>
      <c r="B465" s="5"/>
      <c r="C465" s="3"/>
      <c r="D465" s="3"/>
      <c r="E465" s="3"/>
      <c r="F465" s="3"/>
      <c r="G465" s="5"/>
      <c r="H465" s="5"/>
      <c r="I465" s="5"/>
      <c r="J465" s="5"/>
      <c r="K465" s="3"/>
      <c r="L465" s="3"/>
    </row>
    <row r="466" spans="1:12" x14ac:dyDescent="0.4">
      <c r="A466" s="5"/>
      <c r="B466" s="5"/>
      <c r="C466" s="3"/>
      <c r="D466" s="3"/>
      <c r="E466" s="3"/>
      <c r="F466" s="3"/>
      <c r="G466" s="5"/>
      <c r="H466" s="5"/>
      <c r="I466" s="5"/>
      <c r="J466" s="5"/>
      <c r="K466" s="3"/>
      <c r="L466" s="3"/>
    </row>
    <row r="467" spans="1:12" x14ac:dyDescent="0.4">
      <c r="A467" s="5"/>
      <c r="B467" s="5"/>
      <c r="C467" s="3"/>
      <c r="D467" s="3"/>
      <c r="E467" s="3"/>
      <c r="F467" s="3"/>
      <c r="G467" s="5"/>
      <c r="H467" s="5"/>
      <c r="I467" s="5"/>
      <c r="J467" s="5"/>
      <c r="K467" s="3"/>
      <c r="L467" s="3"/>
    </row>
    <row r="468" spans="1:12" x14ac:dyDescent="0.4">
      <c r="A468" s="5"/>
      <c r="B468" s="5"/>
      <c r="C468" s="3"/>
      <c r="D468" s="3"/>
      <c r="E468" s="3"/>
      <c r="F468" s="3"/>
      <c r="G468" s="5"/>
      <c r="H468" s="5"/>
      <c r="I468" s="5"/>
      <c r="J468" s="5"/>
      <c r="K468" s="3"/>
      <c r="L468" s="3"/>
    </row>
    <row r="469" spans="1:12" x14ac:dyDescent="0.4">
      <c r="A469" s="5"/>
      <c r="B469" s="5"/>
      <c r="C469" s="3"/>
      <c r="D469" s="3"/>
      <c r="E469" s="3"/>
      <c r="F469" s="3"/>
      <c r="G469" s="5"/>
      <c r="H469" s="5"/>
      <c r="I469" s="5"/>
      <c r="J469" s="5"/>
      <c r="K469" s="3"/>
      <c r="L469" s="3"/>
    </row>
    <row r="470" spans="1:12" x14ac:dyDescent="0.4">
      <c r="A470" s="5"/>
      <c r="B470" s="5"/>
      <c r="C470" s="3"/>
      <c r="D470" s="3"/>
      <c r="E470" s="3"/>
      <c r="F470" s="3"/>
      <c r="G470" s="5"/>
      <c r="H470" s="5"/>
      <c r="I470" s="5"/>
      <c r="J470" s="5"/>
      <c r="K470" s="3"/>
      <c r="L470" s="3"/>
    </row>
    <row r="471" spans="1:12" x14ac:dyDescent="0.4">
      <c r="A471" s="5"/>
      <c r="B471" s="5"/>
      <c r="C471" s="3"/>
      <c r="D471" s="3"/>
      <c r="E471" s="3"/>
      <c r="F471" s="3"/>
      <c r="G471" s="5"/>
      <c r="H471" s="5"/>
      <c r="I471" s="5"/>
      <c r="J471" s="5"/>
      <c r="K471" s="3"/>
      <c r="L471" s="3"/>
    </row>
    <row r="472" spans="1:12" x14ac:dyDescent="0.4">
      <c r="A472" s="5"/>
      <c r="B472" s="5"/>
      <c r="C472" s="3"/>
      <c r="D472" s="3"/>
      <c r="E472" s="3"/>
      <c r="F472" s="3"/>
      <c r="G472" s="5"/>
      <c r="H472" s="5"/>
      <c r="I472" s="5"/>
      <c r="J472" s="5"/>
      <c r="K472" s="3"/>
      <c r="L472" s="3"/>
    </row>
    <row r="473" spans="1:12" x14ac:dyDescent="0.4">
      <c r="A473" s="5"/>
      <c r="B473" s="5"/>
      <c r="C473" s="3"/>
      <c r="D473" s="3"/>
      <c r="E473" s="3"/>
      <c r="F473" s="3"/>
      <c r="G473" s="5"/>
      <c r="H473" s="5"/>
      <c r="I473" s="5"/>
      <c r="J473" s="5"/>
      <c r="K473" s="3"/>
      <c r="L473" s="3"/>
    </row>
    <row r="474" spans="1:12" x14ac:dyDescent="0.4">
      <c r="A474" s="5"/>
      <c r="B474" s="5"/>
      <c r="C474" s="3"/>
      <c r="D474" s="3"/>
      <c r="E474" s="3"/>
      <c r="F474" s="3"/>
      <c r="G474" s="5"/>
      <c r="H474" s="5"/>
      <c r="I474" s="5"/>
      <c r="J474" s="5"/>
      <c r="K474" s="3"/>
      <c r="L474" s="3"/>
    </row>
    <row r="475" spans="1:12" x14ac:dyDescent="0.4">
      <c r="A475" s="5"/>
      <c r="B475" s="5"/>
      <c r="C475" s="3"/>
      <c r="D475" s="3"/>
      <c r="E475" s="3"/>
      <c r="F475" s="3"/>
      <c r="G475" s="5"/>
      <c r="H475" s="5"/>
      <c r="I475" s="5"/>
      <c r="J475" s="5"/>
      <c r="K475" s="3"/>
      <c r="L475" s="3"/>
    </row>
    <row r="476" spans="1:12" x14ac:dyDescent="0.4">
      <c r="A476" s="5"/>
      <c r="B476" s="5"/>
      <c r="C476" s="3"/>
      <c r="D476" s="3"/>
      <c r="E476" s="3"/>
      <c r="F476" s="3"/>
      <c r="G476" s="5"/>
      <c r="H476" s="5"/>
      <c r="I476" s="5"/>
      <c r="J476" s="5"/>
      <c r="K476" s="3"/>
      <c r="L476" s="3"/>
    </row>
    <row r="477" spans="1:12" x14ac:dyDescent="0.4">
      <c r="A477" s="5"/>
      <c r="B477" s="5"/>
      <c r="C477" s="3"/>
      <c r="D477" s="3"/>
      <c r="E477" s="3"/>
      <c r="F477" s="3"/>
      <c r="G477" s="5"/>
      <c r="H477" s="5"/>
      <c r="I477" s="5"/>
      <c r="J477" s="5"/>
      <c r="K477" s="3"/>
      <c r="L477" s="3"/>
    </row>
    <row r="478" spans="1:12" x14ac:dyDescent="0.4">
      <c r="A478" s="5"/>
      <c r="B478" s="5"/>
      <c r="C478" s="3"/>
      <c r="D478" s="3"/>
      <c r="E478" s="3"/>
      <c r="F478" s="3"/>
      <c r="G478" s="5"/>
      <c r="H478" s="5"/>
      <c r="I478" s="5"/>
      <c r="J478" s="5"/>
      <c r="K478" s="3"/>
      <c r="L478" s="3"/>
    </row>
    <row r="479" spans="1:12" x14ac:dyDescent="0.4">
      <c r="A479" s="5"/>
      <c r="B479" s="5"/>
      <c r="C479" s="3"/>
      <c r="D479" s="3"/>
      <c r="E479" s="3"/>
      <c r="F479" s="3"/>
      <c r="G479" s="5"/>
      <c r="H479" s="5"/>
      <c r="I479" s="5"/>
      <c r="J479" s="5"/>
      <c r="K479" s="3"/>
      <c r="L479" s="3"/>
    </row>
    <row r="480" spans="1:12" x14ac:dyDescent="0.4">
      <c r="A480" s="5"/>
      <c r="B480" s="5"/>
      <c r="C480" s="3"/>
      <c r="D480" s="3"/>
      <c r="E480" s="3"/>
      <c r="F480" s="3"/>
      <c r="G480" s="5"/>
      <c r="H480" s="5"/>
      <c r="I480" s="5"/>
      <c r="J480" s="5"/>
      <c r="K480" s="3"/>
      <c r="L480" s="3"/>
    </row>
    <row r="481" spans="1:12" x14ac:dyDescent="0.4">
      <c r="A481" s="5"/>
      <c r="B481" s="5"/>
      <c r="C481" s="3"/>
      <c r="D481" s="3"/>
      <c r="E481" s="3"/>
      <c r="F481" s="3"/>
      <c r="G481" s="5"/>
      <c r="H481" s="5"/>
      <c r="I481" s="5"/>
      <c r="J481" s="5"/>
      <c r="K481" s="3"/>
      <c r="L481" s="3"/>
    </row>
    <row r="482" spans="1:12" x14ac:dyDescent="0.4">
      <c r="A482" s="5"/>
      <c r="B482" s="5"/>
      <c r="C482" s="3"/>
      <c r="D482" s="3"/>
      <c r="E482" s="3"/>
      <c r="F482" s="3"/>
      <c r="G482" s="5"/>
      <c r="H482" s="5"/>
      <c r="I482" s="5"/>
      <c r="J482" s="5"/>
      <c r="K482" s="3"/>
      <c r="L482" s="3"/>
    </row>
    <row r="483" spans="1:12" x14ac:dyDescent="0.4">
      <c r="A483" s="5"/>
      <c r="B483" s="5"/>
      <c r="C483" s="3"/>
      <c r="D483" s="3"/>
      <c r="E483" s="3"/>
      <c r="F483" s="3"/>
      <c r="G483" s="5"/>
      <c r="H483" s="5"/>
      <c r="I483" s="5"/>
      <c r="J483" s="5"/>
      <c r="K483" s="3"/>
      <c r="L483" s="3"/>
    </row>
    <row r="484" spans="1:12" x14ac:dyDescent="0.4">
      <c r="A484" s="5"/>
      <c r="B484" s="5"/>
      <c r="C484" s="3"/>
      <c r="D484" s="3"/>
      <c r="E484" s="3"/>
      <c r="F484" s="3"/>
      <c r="G484" s="5"/>
      <c r="H484" s="5"/>
      <c r="I484" s="5"/>
      <c r="J484" s="5"/>
      <c r="K484" s="3"/>
      <c r="L484" s="3"/>
    </row>
    <row r="485" spans="1:12" x14ac:dyDescent="0.4">
      <c r="A485" s="5"/>
      <c r="B485" s="5"/>
      <c r="C485" s="3"/>
      <c r="D485" s="3"/>
      <c r="E485" s="3"/>
      <c r="F485" s="3"/>
      <c r="G485" s="5"/>
      <c r="H485" s="5"/>
      <c r="I485" s="5"/>
      <c r="J485" s="5"/>
      <c r="K485" s="3"/>
      <c r="L485" s="3"/>
    </row>
    <row r="486" spans="1:12" x14ac:dyDescent="0.4">
      <c r="A486" s="5"/>
      <c r="B486" s="5"/>
      <c r="C486" s="3"/>
      <c r="D486" s="3"/>
      <c r="E486" s="3"/>
      <c r="F486" s="3"/>
      <c r="G486" s="5"/>
      <c r="H486" s="5"/>
      <c r="I486" s="5"/>
      <c r="J486" s="5"/>
      <c r="K486" s="3"/>
      <c r="L486" s="3"/>
    </row>
    <row r="487" spans="1:12" x14ac:dyDescent="0.4">
      <c r="A487" s="5"/>
      <c r="B487" s="5"/>
      <c r="C487" s="3"/>
      <c r="D487" s="3"/>
      <c r="E487" s="3"/>
      <c r="F487" s="3"/>
      <c r="G487" s="5"/>
      <c r="H487" s="5"/>
      <c r="I487" s="5"/>
      <c r="J487" s="5"/>
      <c r="K487" s="3"/>
      <c r="L487" s="3"/>
    </row>
    <row r="488" spans="1:12" x14ac:dyDescent="0.4">
      <c r="A488" s="5"/>
      <c r="B488" s="5"/>
      <c r="C488" s="3"/>
      <c r="D488" s="3"/>
      <c r="E488" s="3"/>
      <c r="F488" s="3"/>
      <c r="G488" s="5"/>
      <c r="H488" s="5"/>
      <c r="I488" s="5"/>
      <c r="J488" s="5"/>
      <c r="K488" s="3"/>
      <c r="L488" s="3"/>
    </row>
    <row r="489" spans="1:12" x14ac:dyDescent="0.4">
      <c r="A489" s="5"/>
      <c r="B489" s="5"/>
      <c r="C489" s="3"/>
      <c r="D489" s="3"/>
      <c r="E489" s="3"/>
      <c r="F489" s="3"/>
      <c r="G489" s="5"/>
      <c r="H489" s="5"/>
      <c r="I489" s="5"/>
      <c r="J489" s="5"/>
      <c r="K489" s="3"/>
      <c r="L489" s="3"/>
    </row>
    <row r="490" spans="1:12" x14ac:dyDescent="0.4">
      <c r="A490" s="5"/>
      <c r="B490" s="5"/>
      <c r="C490" s="3"/>
      <c r="D490" s="3"/>
      <c r="E490" s="3"/>
      <c r="F490" s="3"/>
      <c r="G490" s="5"/>
      <c r="H490" s="5"/>
      <c r="I490" s="5"/>
      <c r="J490" s="5"/>
      <c r="K490" s="3"/>
      <c r="L490" s="3"/>
    </row>
    <row r="491" spans="1:12" x14ac:dyDescent="0.4">
      <c r="A491" s="5"/>
      <c r="B491" s="5"/>
      <c r="C491" s="3"/>
      <c r="D491" s="3"/>
      <c r="E491" s="3"/>
      <c r="F491" s="3"/>
      <c r="G491" s="5"/>
      <c r="H491" s="5"/>
      <c r="I491" s="5"/>
      <c r="J491" s="5"/>
      <c r="K491" s="3"/>
      <c r="L491" s="3"/>
    </row>
    <row r="492" spans="1:12" x14ac:dyDescent="0.4">
      <c r="A492" s="5"/>
      <c r="B492" s="5"/>
      <c r="C492" s="3"/>
      <c r="D492" s="3"/>
      <c r="E492" s="3"/>
      <c r="F492" s="3"/>
      <c r="G492" s="5"/>
      <c r="H492" s="5"/>
      <c r="I492" s="5"/>
      <c r="J492" s="5"/>
      <c r="K492" s="3"/>
      <c r="L492" s="3"/>
    </row>
    <row r="493" spans="1:12" x14ac:dyDescent="0.4">
      <c r="A493" s="5"/>
      <c r="B493" s="5"/>
      <c r="C493" s="3"/>
      <c r="D493" s="3"/>
      <c r="E493" s="3"/>
      <c r="F493" s="3"/>
      <c r="G493" s="5"/>
      <c r="H493" s="5"/>
      <c r="I493" s="5"/>
      <c r="J493" s="5"/>
      <c r="K493" s="3"/>
      <c r="L493" s="3"/>
    </row>
    <row r="494" spans="1:12" x14ac:dyDescent="0.4">
      <c r="A494" s="5"/>
      <c r="B494" s="5"/>
      <c r="C494" s="3"/>
      <c r="D494" s="3"/>
      <c r="E494" s="3"/>
      <c r="F494" s="3"/>
      <c r="G494" s="5"/>
      <c r="H494" s="5"/>
      <c r="I494" s="5"/>
      <c r="J494" s="5"/>
      <c r="K494" s="3"/>
      <c r="L494" s="3"/>
    </row>
    <row r="495" spans="1:12" x14ac:dyDescent="0.4">
      <c r="A495" s="5"/>
      <c r="B495" s="5"/>
      <c r="C495" s="3"/>
      <c r="D495" s="3"/>
      <c r="E495" s="3"/>
      <c r="F495" s="3"/>
      <c r="G495" s="5"/>
      <c r="H495" s="5"/>
      <c r="I495" s="5"/>
      <c r="J495" s="5"/>
      <c r="K495" s="3"/>
      <c r="L495" s="3"/>
    </row>
    <row r="496" spans="1:12" x14ac:dyDescent="0.4">
      <c r="A496" s="5"/>
      <c r="B496" s="5"/>
      <c r="C496" s="3"/>
      <c r="D496" s="3"/>
      <c r="E496" s="3"/>
      <c r="F496" s="3"/>
      <c r="G496" s="5"/>
      <c r="H496" s="5"/>
      <c r="I496" s="5"/>
      <c r="J496" s="5"/>
      <c r="K496" s="3"/>
      <c r="L496" s="3"/>
    </row>
    <row r="497" spans="1:12" x14ac:dyDescent="0.4">
      <c r="A497" s="5"/>
      <c r="B497" s="5"/>
      <c r="C497" s="3"/>
      <c r="D497" s="3"/>
      <c r="E497" s="3"/>
      <c r="F497" s="3"/>
      <c r="G497" s="5"/>
      <c r="H497" s="5"/>
      <c r="I497" s="5"/>
      <c r="J497" s="5"/>
      <c r="K497" s="3"/>
      <c r="L497" s="3"/>
    </row>
    <row r="498" spans="1:12" x14ac:dyDescent="0.4">
      <c r="A498" s="5"/>
      <c r="B498" s="5"/>
      <c r="C498" s="3"/>
      <c r="D498" s="3"/>
      <c r="E498" s="3"/>
      <c r="F498" s="3"/>
      <c r="G498" s="5"/>
      <c r="H498" s="5"/>
      <c r="I498" s="5"/>
      <c r="J498" s="5"/>
      <c r="K498" s="3"/>
      <c r="L498" s="3"/>
    </row>
    <row r="499" spans="1:12" x14ac:dyDescent="0.4">
      <c r="A499" s="5"/>
      <c r="B499" s="5"/>
      <c r="C499" s="3"/>
      <c r="D499" s="3"/>
      <c r="E499" s="3"/>
      <c r="F499" s="3"/>
      <c r="G499" s="5"/>
      <c r="H499" s="5"/>
      <c r="I499" s="5"/>
      <c r="J499" s="5"/>
      <c r="K499" s="3"/>
      <c r="L499" s="3"/>
    </row>
    <row r="500" spans="1:12" x14ac:dyDescent="0.4">
      <c r="A500" s="5"/>
      <c r="B500" s="5"/>
      <c r="C500" s="3"/>
      <c r="D500" s="3"/>
      <c r="E500" s="3"/>
      <c r="F500" s="3"/>
      <c r="G500" s="5"/>
      <c r="H500" s="5"/>
      <c r="I500" s="5"/>
      <c r="J500" s="5"/>
      <c r="K500" s="3"/>
      <c r="L500" s="3"/>
    </row>
    <row r="501" spans="1:12" x14ac:dyDescent="0.4">
      <c r="A501" s="5"/>
      <c r="B501" s="5"/>
      <c r="C501" s="3"/>
      <c r="D501" s="3"/>
      <c r="E501" s="3"/>
      <c r="F501" s="3"/>
      <c r="G501" s="5"/>
      <c r="H501" s="5"/>
      <c r="I501" s="5"/>
      <c r="J501" s="5"/>
      <c r="K501" s="3"/>
      <c r="L501" s="3"/>
    </row>
    <row r="502" spans="1:12" x14ac:dyDescent="0.4">
      <c r="A502" s="5"/>
      <c r="B502" s="5"/>
      <c r="C502" s="3"/>
      <c r="D502" s="3"/>
      <c r="E502" s="3"/>
      <c r="F502" s="3"/>
      <c r="G502" s="5"/>
      <c r="H502" s="5"/>
      <c r="I502" s="5"/>
      <c r="J502" s="5"/>
      <c r="K502" s="3"/>
      <c r="L502" s="3"/>
    </row>
    <row r="503" spans="1:12" x14ac:dyDescent="0.4">
      <c r="A503" s="5"/>
      <c r="B503" s="5"/>
      <c r="C503" s="3"/>
      <c r="D503" s="3"/>
      <c r="E503" s="3"/>
      <c r="F503" s="3"/>
      <c r="G503" s="5"/>
      <c r="H503" s="5"/>
      <c r="I503" s="5"/>
      <c r="J503" s="5"/>
      <c r="K503" s="3"/>
      <c r="L503" s="3"/>
    </row>
    <row r="504" spans="1:12" x14ac:dyDescent="0.4">
      <c r="A504" s="5"/>
      <c r="B504" s="5"/>
      <c r="C504" s="3"/>
      <c r="D504" s="3"/>
      <c r="E504" s="3"/>
      <c r="F504" s="3"/>
      <c r="G504" s="5"/>
      <c r="H504" s="5"/>
      <c r="I504" s="5"/>
      <c r="J504" s="5"/>
      <c r="K504" s="3"/>
      <c r="L504" s="3"/>
    </row>
    <row r="505" spans="1:12" x14ac:dyDescent="0.4">
      <c r="A505" s="5"/>
      <c r="B505" s="5"/>
      <c r="C505" s="3"/>
      <c r="D505" s="3"/>
      <c r="E505" s="3"/>
      <c r="F505" s="3"/>
      <c r="G505" s="5"/>
      <c r="H505" s="5"/>
      <c r="I505" s="5"/>
      <c r="J505" s="5"/>
      <c r="K505" s="3"/>
      <c r="L505" s="3"/>
    </row>
    <row r="506" spans="1:12" x14ac:dyDescent="0.4">
      <c r="A506" s="5"/>
      <c r="B506" s="5"/>
      <c r="C506" s="3"/>
      <c r="D506" s="3"/>
      <c r="E506" s="3"/>
      <c r="F506" s="3"/>
      <c r="G506" s="5"/>
      <c r="H506" s="5"/>
      <c r="I506" s="5"/>
      <c r="J506" s="5"/>
      <c r="K506" s="3"/>
      <c r="L506" s="3"/>
    </row>
    <row r="507" spans="1:12" x14ac:dyDescent="0.4">
      <c r="A507" s="5"/>
      <c r="B507" s="5"/>
      <c r="C507" s="3"/>
      <c r="D507" s="3"/>
      <c r="E507" s="3"/>
      <c r="F507" s="3"/>
      <c r="G507" s="5"/>
      <c r="H507" s="5"/>
      <c r="I507" s="5"/>
      <c r="J507" s="5"/>
      <c r="K507" s="3"/>
      <c r="L507" s="3"/>
    </row>
    <row r="508" spans="1:12" x14ac:dyDescent="0.4">
      <c r="A508" s="5"/>
      <c r="B508" s="5"/>
      <c r="C508" s="3"/>
      <c r="D508" s="3"/>
      <c r="E508" s="3"/>
      <c r="F508" s="3"/>
      <c r="G508" s="5"/>
      <c r="H508" s="5"/>
      <c r="I508" s="5"/>
      <c r="J508" s="5"/>
      <c r="K508" s="3"/>
      <c r="L508" s="3"/>
    </row>
    <row r="509" spans="1:12" x14ac:dyDescent="0.4">
      <c r="A509" s="5"/>
      <c r="B509" s="5"/>
      <c r="C509" s="3"/>
      <c r="D509" s="3"/>
      <c r="E509" s="3"/>
      <c r="F509" s="3"/>
      <c r="G509" s="5"/>
      <c r="H509" s="5"/>
      <c r="I509" s="5"/>
      <c r="J509" s="5"/>
      <c r="K509" s="3"/>
      <c r="L509" s="3"/>
    </row>
    <row r="510" spans="1:12" x14ac:dyDescent="0.4">
      <c r="A510" s="5"/>
      <c r="B510" s="5"/>
      <c r="C510" s="3"/>
      <c r="D510" s="3"/>
      <c r="E510" s="3"/>
      <c r="F510" s="3"/>
      <c r="G510" s="5"/>
      <c r="H510" s="5"/>
      <c r="I510" s="5"/>
      <c r="J510" s="5"/>
      <c r="K510" s="3"/>
      <c r="L510" s="3"/>
    </row>
    <row r="511" spans="1:12" x14ac:dyDescent="0.4">
      <c r="A511" s="5"/>
      <c r="B511" s="5"/>
      <c r="C511" s="3"/>
      <c r="D511" s="3"/>
      <c r="E511" s="3"/>
      <c r="F511" s="3"/>
      <c r="G511" s="5"/>
      <c r="H511" s="5"/>
      <c r="I511" s="5"/>
      <c r="J511" s="5"/>
      <c r="K511" s="3"/>
      <c r="L511" s="3"/>
    </row>
    <row r="512" spans="1:12" x14ac:dyDescent="0.4">
      <c r="A512" s="5"/>
      <c r="B512" s="5"/>
      <c r="C512" s="3"/>
      <c r="D512" s="3"/>
      <c r="E512" s="3"/>
      <c r="F512" s="3"/>
      <c r="G512" s="5"/>
      <c r="H512" s="5"/>
      <c r="I512" s="5"/>
      <c r="J512" s="5"/>
      <c r="K512" s="3"/>
      <c r="L512" s="3"/>
    </row>
    <row r="513" spans="1:12" x14ac:dyDescent="0.4">
      <c r="A513" s="5"/>
      <c r="B513" s="5"/>
      <c r="C513" s="3"/>
      <c r="D513" s="3"/>
      <c r="E513" s="3"/>
      <c r="F513" s="3"/>
      <c r="G513" s="5"/>
      <c r="H513" s="5"/>
      <c r="I513" s="5"/>
      <c r="J513" s="5"/>
      <c r="K513" s="3"/>
      <c r="L513" s="3"/>
    </row>
    <row r="514" spans="1:12" x14ac:dyDescent="0.4">
      <c r="A514" s="5"/>
      <c r="B514" s="5"/>
      <c r="C514" s="3"/>
      <c r="D514" s="3"/>
      <c r="E514" s="3"/>
      <c r="F514" s="3"/>
      <c r="G514" s="5"/>
      <c r="H514" s="5"/>
      <c r="I514" s="5"/>
      <c r="J514" s="5"/>
      <c r="K514" s="3"/>
      <c r="L514" s="3"/>
    </row>
    <row r="515" spans="1:12" x14ac:dyDescent="0.4">
      <c r="A515" s="5"/>
      <c r="B515" s="5"/>
      <c r="C515" s="3"/>
      <c r="D515" s="3"/>
      <c r="E515" s="3"/>
      <c r="F515" s="3"/>
      <c r="G515" s="5"/>
      <c r="H515" s="5"/>
      <c r="I515" s="5"/>
      <c r="J515" s="5"/>
      <c r="K515" s="3"/>
      <c r="L515" s="3"/>
    </row>
    <row r="516" spans="1:12" x14ac:dyDescent="0.4">
      <c r="A516" s="5"/>
      <c r="B516" s="5"/>
      <c r="C516" s="3"/>
      <c r="D516" s="3"/>
      <c r="E516" s="3"/>
      <c r="F516" s="3"/>
      <c r="G516" s="5"/>
      <c r="H516" s="5"/>
      <c r="I516" s="5"/>
      <c r="J516" s="5"/>
      <c r="K516" s="3"/>
      <c r="L516" s="3"/>
    </row>
    <row r="517" spans="1:12" x14ac:dyDescent="0.4">
      <c r="A517" s="5"/>
      <c r="B517" s="5"/>
      <c r="C517" s="3"/>
      <c r="D517" s="3"/>
      <c r="E517" s="3"/>
      <c r="F517" s="3"/>
      <c r="G517" s="5"/>
      <c r="H517" s="5"/>
      <c r="I517" s="5"/>
      <c r="J517" s="5"/>
      <c r="K517" s="3"/>
      <c r="L517" s="3"/>
    </row>
    <row r="518" spans="1:12" x14ac:dyDescent="0.4">
      <c r="A518" s="5"/>
      <c r="B518" s="5"/>
      <c r="C518" s="3"/>
      <c r="D518" s="3"/>
      <c r="E518" s="3"/>
      <c r="F518" s="3"/>
      <c r="G518" s="5"/>
      <c r="H518" s="5"/>
      <c r="I518" s="5"/>
      <c r="J518" s="5"/>
      <c r="K518" s="3"/>
      <c r="L518" s="3"/>
    </row>
    <row r="519" spans="1:12" x14ac:dyDescent="0.4">
      <c r="A519" s="5"/>
      <c r="B519" s="5"/>
      <c r="C519" s="3"/>
      <c r="D519" s="3"/>
      <c r="E519" s="3"/>
      <c r="F519" s="3"/>
      <c r="G519" s="5"/>
      <c r="H519" s="5"/>
      <c r="I519" s="5"/>
      <c r="J519" s="5"/>
      <c r="K519" s="3"/>
      <c r="L519" s="3"/>
    </row>
    <row r="520" spans="1:12" x14ac:dyDescent="0.4">
      <c r="A520" s="5"/>
      <c r="B520" s="5"/>
      <c r="C520" s="3"/>
      <c r="D520" s="3"/>
      <c r="E520" s="3"/>
      <c r="F520" s="3"/>
      <c r="G520" s="5"/>
      <c r="H520" s="5"/>
      <c r="I520" s="5"/>
      <c r="J520" s="5"/>
      <c r="K520" s="3"/>
      <c r="L520" s="3"/>
    </row>
    <row r="521" spans="1:12" x14ac:dyDescent="0.4">
      <c r="A521" s="5"/>
      <c r="B521" s="5"/>
      <c r="C521" s="3"/>
      <c r="D521" s="3"/>
      <c r="E521" s="3"/>
      <c r="F521" s="3"/>
      <c r="G521" s="5"/>
      <c r="H521" s="5"/>
      <c r="I521" s="5"/>
      <c r="J521" s="5"/>
      <c r="K521" s="3"/>
      <c r="L521" s="3"/>
    </row>
    <row r="522" spans="1:12" x14ac:dyDescent="0.4">
      <c r="A522" s="5"/>
      <c r="B522" s="5"/>
      <c r="C522" s="3"/>
      <c r="D522" s="3"/>
      <c r="E522" s="3"/>
      <c r="F522" s="3"/>
      <c r="G522" s="5"/>
      <c r="H522" s="5"/>
      <c r="I522" s="5"/>
      <c r="J522" s="5"/>
      <c r="K522" s="3"/>
      <c r="L522" s="3"/>
    </row>
    <row r="523" spans="1:12" x14ac:dyDescent="0.4">
      <c r="A523" s="5"/>
      <c r="B523" s="5"/>
      <c r="C523" s="3"/>
      <c r="D523" s="3"/>
      <c r="E523" s="3"/>
      <c r="F523" s="3"/>
      <c r="G523" s="5"/>
      <c r="H523" s="5"/>
      <c r="I523" s="5"/>
      <c r="J523" s="5"/>
      <c r="K523" s="3"/>
      <c r="L523" s="3"/>
    </row>
    <row r="524" spans="1:12" x14ac:dyDescent="0.4">
      <c r="A524" s="5"/>
      <c r="B524" s="5"/>
      <c r="C524" s="3"/>
      <c r="D524" s="3"/>
      <c r="E524" s="3"/>
      <c r="F524" s="3"/>
      <c r="G524" s="5"/>
      <c r="H524" s="5"/>
      <c r="I524" s="5"/>
      <c r="J524" s="5"/>
      <c r="K524" s="3"/>
      <c r="L524" s="3"/>
    </row>
    <row r="525" spans="1:12" x14ac:dyDescent="0.4">
      <c r="A525" s="5"/>
      <c r="B525" s="5"/>
      <c r="C525" s="3"/>
      <c r="D525" s="3"/>
      <c r="E525" s="3"/>
      <c r="F525" s="3"/>
      <c r="G525" s="5"/>
      <c r="H525" s="5"/>
      <c r="I525" s="5"/>
      <c r="J525" s="5"/>
      <c r="K525" s="3"/>
      <c r="L525" s="3"/>
    </row>
    <row r="526" spans="1:12" x14ac:dyDescent="0.4">
      <c r="A526" s="5"/>
      <c r="B526" s="5"/>
      <c r="C526" s="3"/>
      <c r="D526" s="3"/>
      <c r="E526" s="3"/>
      <c r="F526" s="3"/>
      <c r="G526" s="5"/>
      <c r="H526" s="5"/>
      <c r="I526" s="5"/>
      <c r="J526" s="5"/>
      <c r="K526" s="3"/>
      <c r="L526" s="3"/>
    </row>
    <row r="527" spans="1:12" x14ac:dyDescent="0.4">
      <c r="A527" s="5"/>
      <c r="B527" s="5"/>
      <c r="C527" s="3"/>
      <c r="D527" s="3"/>
      <c r="E527" s="3"/>
      <c r="F527" s="3"/>
      <c r="G527" s="5"/>
      <c r="H527" s="5"/>
      <c r="I527" s="5"/>
      <c r="J527" s="5"/>
      <c r="K527" s="3"/>
      <c r="L527" s="3"/>
    </row>
    <row r="528" spans="1:12" x14ac:dyDescent="0.4">
      <c r="A528" s="5"/>
      <c r="B528" s="5"/>
      <c r="C528" s="3"/>
      <c r="D528" s="3"/>
      <c r="E528" s="3"/>
      <c r="F528" s="3"/>
      <c r="G528" s="5"/>
      <c r="H528" s="5"/>
      <c r="I528" s="5"/>
      <c r="J528" s="5"/>
      <c r="K528" s="3"/>
      <c r="L528" s="3"/>
    </row>
    <row r="529" spans="1:12" x14ac:dyDescent="0.4">
      <c r="A529" s="5"/>
      <c r="B529" s="5"/>
      <c r="C529" s="3"/>
      <c r="D529" s="3"/>
      <c r="E529" s="3"/>
      <c r="F529" s="3"/>
      <c r="G529" s="5"/>
      <c r="H529" s="5"/>
      <c r="I529" s="5"/>
      <c r="J529" s="5"/>
      <c r="K529" s="3"/>
      <c r="L529" s="3"/>
    </row>
    <row r="530" spans="1:12" x14ac:dyDescent="0.4">
      <c r="A530" s="5"/>
      <c r="B530" s="5"/>
      <c r="C530" s="3"/>
      <c r="D530" s="3"/>
      <c r="E530" s="3"/>
      <c r="F530" s="3"/>
      <c r="G530" s="5"/>
      <c r="H530" s="5"/>
      <c r="I530" s="5"/>
      <c r="J530" s="5"/>
      <c r="K530" s="3"/>
      <c r="L530" s="3"/>
    </row>
    <row r="531" spans="1:12" x14ac:dyDescent="0.4">
      <c r="A531" s="5"/>
      <c r="B531" s="5"/>
      <c r="C531" s="3"/>
      <c r="D531" s="3"/>
      <c r="E531" s="3"/>
      <c r="F531" s="3"/>
      <c r="G531" s="5"/>
      <c r="H531" s="5"/>
      <c r="I531" s="5"/>
      <c r="J531" s="5"/>
      <c r="K531" s="3"/>
      <c r="L531" s="3"/>
    </row>
    <row r="532" spans="1:12" x14ac:dyDescent="0.4">
      <c r="A532" s="5"/>
      <c r="B532" s="5"/>
      <c r="C532" s="3"/>
      <c r="D532" s="3"/>
      <c r="E532" s="3"/>
      <c r="F532" s="3"/>
      <c r="G532" s="5"/>
      <c r="H532" s="5"/>
      <c r="I532" s="5"/>
      <c r="J532" s="5"/>
      <c r="K532" s="3"/>
      <c r="L532" s="3"/>
    </row>
    <row r="533" spans="1:12" x14ac:dyDescent="0.4">
      <c r="A533" s="5"/>
      <c r="B533" s="5"/>
      <c r="C533" s="3"/>
      <c r="D533" s="3"/>
      <c r="E533" s="3"/>
      <c r="F533" s="3"/>
      <c r="G533" s="5"/>
      <c r="H533" s="5"/>
      <c r="I533" s="5"/>
      <c r="J533" s="5"/>
      <c r="K533" s="3"/>
      <c r="L533" s="3"/>
    </row>
    <row r="534" spans="1:12" x14ac:dyDescent="0.4">
      <c r="A534" s="5"/>
      <c r="B534" s="5"/>
      <c r="C534" s="3"/>
      <c r="D534" s="3"/>
      <c r="E534" s="3"/>
      <c r="F534" s="3"/>
      <c r="G534" s="5"/>
      <c r="H534" s="5"/>
      <c r="I534" s="5"/>
      <c r="J534" s="5"/>
      <c r="K534" s="3"/>
      <c r="L534" s="3"/>
    </row>
    <row r="535" spans="1:12" x14ac:dyDescent="0.4">
      <c r="A535" s="5"/>
      <c r="B535" s="5"/>
      <c r="C535" s="3"/>
      <c r="D535" s="3"/>
      <c r="E535" s="3"/>
      <c r="F535" s="3"/>
      <c r="G535" s="5"/>
      <c r="H535" s="5"/>
      <c r="I535" s="5"/>
      <c r="J535" s="5"/>
      <c r="K535" s="3"/>
      <c r="L535" s="3"/>
    </row>
    <row r="536" spans="1:12" x14ac:dyDescent="0.4">
      <c r="A536" s="5"/>
      <c r="B536" s="5"/>
      <c r="C536" s="3"/>
      <c r="D536" s="3"/>
      <c r="E536" s="3"/>
      <c r="F536" s="3"/>
      <c r="G536" s="5"/>
      <c r="H536" s="5"/>
      <c r="I536" s="5"/>
      <c r="J536" s="5"/>
      <c r="K536" s="3"/>
      <c r="L536" s="3"/>
    </row>
    <row r="537" spans="1:12" x14ac:dyDescent="0.4">
      <c r="A537" s="5"/>
      <c r="B537" s="5"/>
      <c r="C537" s="3"/>
      <c r="D537" s="3"/>
      <c r="E537" s="3"/>
      <c r="F537" s="3"/>
      <c r="G537" s="5"/>
      <c r="H537" s="5"/>
      <c r="I537" s="5"/>
      <c r="J537" s="5"/>
      <c r="K537" s="3"/>
      <c r="L537" s="3"/>
    </row>
    <row r="538" spans="1:12" x14ac:dyDescent="0.4">
      <c r="A538" s="5"/>
      <c r="B538" s="5"/>
      <c r="C538" s="3"/>
      <c r="D538" s="3"/>
      <c r="E538" s="3"/>
      <c r="F538" s="3"/>
      <c r="G538" s="5"/>
      <c r="H538" s="5"/>
      <c r="I538" s="5"/>
      <c r="J538" s="5"/>
      <c r="K538" s="3"/>
      <c r="L538" s="3"/>
    </row>
    <row r="539" spans="1:12" x14ac:dyDescent="0.4">
      <c r="A539" s="5"/>
      <c r="B539" s="5"/>
      <c r="C539" s="3"/>
      <c r="D539" s="3"/>
      <c r="E539" s="3"/>
      <c r="F539" s="3"/>
      <c r="G539" s="5"/>
      <c r="H539" s="5"/>
      <c r="I539" s="5"/>
      <c r="J539" s="5"/>
      <c r="K539" s="3"/>
      <c r="L539" s="3"/>
    </row>
    <row r="540" spans="1:12" x14ac:dyDescent="0.4">
      <c r="A540" s="5"/>
      <c r="B540" s="5"/>
      <c r="C540" s="3"/>
      <c r="D540" s="3"/>
      <c r="E540" s="3"/>
      <c r="F540" s="3"/>
      <c r="G540" s="5"/>
      <c r="H540" s="5"/>
      <c r="I540" s="5"/>
      <c r="J540" s="5"/>
      <c r="K540" s="3"/>
      <c r="L540" s="3"/>
    </row>
    <row r="541" spans="1:12" x14ac:dyDescent="0.4">
      <c r="A541" s="5"/>
      <c r="B541" s="5"/>
      <c r="C541" s="3"/>
      <c r="D541" s="3"/>
      <c r="E541" s="3"/>
      <c r="F541" s="3"/>
      <c r="G541" s="5"/>
      <c r="H541" s="5"/>
      <c r="I541" s="5"/>
      <c r="J541" s="5"/>
      <c r="K541" s="3"/>
      <c r="L541" s="3"/>
    </row>
    <row r="542" spans="1:12" x14ac:dyDescent="0.4">
      <c r="A542" s="5"/>
      <c r="B542" s="5"/>
      <c r="C542" s="3"/>
      <c r="D542" s="3"/>
      <c r="E542" s="3"/>
      <c r="F542" s="3"/>
      <c r="G542" s="5"/>
      <c r="H542" s="5"/>
      <c r="I542" s="5"/>
      <c r="J542" s="5"/>
      <c r="K542" s="3"/>
      <c r="L542" s="3"/>
    </row>
    <row r="543" spans="1:12" x14ac:dyDescent="0.4">
      <c r="A543" s="5"/>
      <c r="B543" s="5"/>
      <c r="C543" s="3"/>
      <c r="D543" s="3"/>
      <c r="E543" s="3"/>
      <c r="F543" s="3"/>
      <c r="G543" s="5"/>
      <c r="H543" s="5"/>
      <c r="I543" s="5"/>
      <c r="J543" s="5"/>
      <c r="K543" s="3"/>
      <c r="L543" s="3"/>
    </row>
    <row r="544" spans="1:12" x14ac:dyDescent="0.4">
      <c r="A544" s="5"/>
      <c r="B544" s="5"/>
      <c r="C544" s="3"/>
      <c r="D544" s="3"/>
      <c r="E544" s="3"/>
      <c r="F544" s="3"/>
      <c r="G544" s="5"/>
      <c r="H544" s="5"/>
      <c r="I544" s="5"/>
      <c r="J544" s="5"/>
      <c r="K544" s="3"/>
      <c r="L544" s="3"/>
    </row>
    <row r="545" spans="1:12" x14ac:dyDescent="0.4">
      <c r="A545" s="5"/>
      <c r="B545" s="5"/>
      <c r="C545" s="3"/>
      <c r="D545" s="3"/>
      <c r="E545" s="3"/>
      <c r="F545" s="3"/>
      <c r="G545" s="5"/>
      <c r="H545" s="5"/>
      <c r="I545" s="5"/>
      <c r="J545" s="5"/>
      <c r="K545" s="3"/>
      <c r="L545" s="3"/>
    </row>
    <row r="546" spans="1:12" x14ac:dyDescent="0.4">
      <c r="A546" s="5"/>
      <c r="B546" s="5"/>
      <c r="C546" s="3"/>
      <c r="D546" s="3"/>
      <c r="E546" s="3"/>
      <c r="F546" s="3"/>
      <c r="G546" s="5"/>
      <c r="H546" s="5"/>
      <c r="I546" s="5"/>
      <c r="J546" s="5"/>
      <c r="K546" s="3"/>
      <c r="L546" s="3"/>
    </row>
    <row r="547" spans="1:12" x14ac:dyDescent="0.4">
      <c r="A547" s="5"/>
      <c r="B547" s="5"/>
      <c r="C547" s="3"/>
      <c r="D547" s="3"/>
      <c r="E547" s="3"/>
      <c r="F547" s="3"/>
      <c r="G547" s="5"/>
      <c r="H547" s="5"/>
      <c r="I547" s="5"/>
      <c r="J547" s="5"/>
      <c r="K547" s="3"/>
      <c r="L547" s="3"/>
    </row>
    <row r="548" spans="1:12" x14ac:dyDescent="0.4">
      <c r="A548" s="5"/>
      <c r="B548" s="5"/>
      <c r="C548" s="3"/>
      <c r="D548" s="3"/>
      <c r="E548" s="3"/>
      <c r="F548" s="3"/>
      <c r="G548" s="5"/>
      <c r="H548" s="5"/>
      <c r="I548" s="5"/>
      <c r="J548" s="5"/>
      <c r="K548" s="3"/>
      <c r="L548" s="3"/>
    </row>
    <row r="549" spans="1:12" x14ac:dyDescent="0.4">
      <c r="A549" s="5"/>
      <c r="B549" s="5"/>
      <c r="C549" s="3"/>
      <c r="D549" s="3"/>
      <c r="E549" s="3"/>
      <c r="F549" s="3"/>
      <c r="G549" s="5"/>
      <c r="H549" s="5"/>
      <c r="I549" s="5"/>
      <c r="J549" s="5"/>
      <c r="K549" s="3"/>
      <c r="L549" s="3"/>
    </row>
    <row r="550" spans="1:12" x14ac:dyDescent="0.4">
      <c r="A550" s="5"/>
      <c r="B550" s="5"/>
      <c r="C550" s="3"/>
      <c r="D550" s="3"/>
      <c r="E550" s="3"/>
      <c r="F550" s="3"/>
      <c r="G550" s="5"/>
      <c r="H550" s="5"/>
      <c r="I550" s="5"/>
      <c r="J550" s="5"/>
      <c r="K550" s="3"/>
      <c r="L550" s="3"/>
    </row>
    <row r="551" spans="1:12" x14ac:dyDescent="0.4">
      <c r="A551" s="5"/>
      <c r="B551" s="5"/>
      <c r="C551" s="3"/>
      <c r="D551" s="3"/>
      <c r="E551" s="3"/>
      <c r="F551" s="3"/>
      <c r="G551" s="5"/>
      <c r="H551" s="5"/>
      <c r="I551" s="5"/>
      <c r="J551" s="5"/>
      <c r="K551" s="3"/>
      <c r="L551" s="3"/>
    </row>
    <row r="552" spans="1:12" x14ac:dyDescent="0.4">
      <c r="A552" s="5"/>
      <c r="B552" s="5"/>
      <c r="C552" s="3"/>
      <c r="D552" s="3"/>
      <c r="E552" s="3"/>
      <c r="F552" s="3"/>
      <c r="G552" s="5"/>
      <c r="H552" s="5"/>
      <c r="I552" s="5"/>
      <c r="J552" s="5"/>
      <c r="K552" s="3"/>
      <c r="L552" s="3"/>
    </row>
    <row r="553" spans="1:12" x14ac:dyDescent="0.4">
      <c r="A553" s="5"/>
      <c r="B553" s="5"/>
      <c r="C553" s="3"/>
      <c r="D553" s="3"/>
      <c r="E553" s="3"/>
      <c r="F553" s="3"/>
      <c r="G553" s="5"/>
      <c r="H553" s="5"/>
      <c r="I553" s="5"/>
      <c r="J553" s="5"/>
      <c r="K553" s="3"/>
      <c r="L553" s="3"/>
    </row>
    <row r="554" spans="1:12" x14ac:dyDescent="0.4">
      <c r="A554" s="5"/>
      <c r="B554" s="5"/>
      <c r="C554" s="3"/>
      <c r="D554" s="3"/>
      <c r="E554" s="3"/>
      <c r="F554" s="3"/>
      <c r="G554" s="5"/>
      <c r="H554" s="5"/>
      <c r="I554" s="5"/>
      <c r="J554" s="5"/>
      <c r="K554" s="3"/>
      <c r="L554" s="3"/>
    </row>
    <row r="555" spans="1:12" x14ac:dyDescent="0.4">
      <c r="A555" s="5"/>
      <c r="B555" s="5"/>
      <c r="C555" s="3"/>
      <c r="D555" s="3"/>
      <c r="E555" s="3"/>
      <c r="F555" s="3"/>
      <c r="G555" s="5"/>
      <c r="H555" s="5"/>
      <c r="I555" s="5"/>
      <c r="J555" s="5"/>
      <c r="K555" s="3"/>
      <c r="L555" s="3"/>
    </row>
    <row r="556" spans="1:12" x14ac:dyDescent="0.4">
      <c r="A556" s="5"/>
      <c r="B556" s="5"/>
      <c r="C556" s="3"/>
      <c r="D556" s="3"/>
      <c r="E556" s="3"/>
      <c r="F556" s="3"/>
      <c r="G556" s="5"/>
      <c r="H556" s="5"/>
      <c r="I556" s="5"/>
      <c r="J556" s="5"/>
      <c r="K556" s="3"/>
      <c r="L556" s="3"/>
    </row>
    <row r="557" spans="1:12" x14ac:dyDescent="0.4">
      <c r="A557" s="5"/>
      <c r="B557" s="5"/>
      <c r="C557" s="3"/>
      <c r="D557" s="3"/>
      <c r="E557" s="3"/>
      <c r="F557" s="3"/>
      <c r="G557" s="5"/>
      <c r="H557" s="5"/>
      <c r="I557" s="5"/>
      <c r="J557" s="5"/>
      <c r="K557" s="3"/>
      <c r="L557" s="3"/>
    </row>
    <row r="558" spans="1:12" x14ac:dyDescent="0.4">
      <c r="A558" s="5"/>
      <c r="B558" s="5"/>
      <c r="C558" s="3"/>
      <c r="D558" s="3"/>
      <c r="E558" s="3"/>
      <c r="F558" s="3"/>
      <c r="G558" s="5"/>
      <c r="H558" s="5"/>
      <c r="I558" s="5"/>
      <c r="J558" s="5"/>
      <c r="K558" s="3"/>
      <c r="L558" s="3"/>
    </row>
    <row r="559" spans="1:12" x14ac:dyDescent="0.4">
      <c r="A559" s="5"/>
      <c r="B559" s="5"/>
      <c r="C559" s="3"/>
      <c r="D559" s="3"/>
      <c r="E559" s="3"/>
      <c r="F559" s="3"/>
      <c r="G559" s="5"/>
      <c r="H559" s="5"/>
      <c r="I559" s="5"/>
      <c r="J559" s="5"/>
      <c r="K559" s="3"/>
      <c r="L559" s="3"/>
    </row>
    <row r="560" spans="1:12" x14ac:dyDescent="0.4">
      <c r="A560" s="5"/>
      <c r="B560" s="5"/>
      <c r="C560" s="3"/>
      <c r="D560" s="3"/>
      <c r="E560" s="3"/>
      <c r="F560" s="3"/>
      <c r="G560" s="5"/>
      <c r="H560" s="5"/>
      <c r="I560" s="5"/>
      <c r="J560" s="5"/>
      <c r="K560" s="3"/>
      <c r="L560" s="3"/>
    </row>
    <row r="561" spans="1:12" x14ac:dyDescent="0.4">
      <c r="A561" s="5"/>
      <c r="B561" s="5"/>
      <c r="C561" s="3"/>
      <c r="D561" s="3"/>
      <c r="E561" s="3"/>
      <c r="F561" s="3"/>
      <c r="G561" s="5"/>
      <c r="H561" s="5"/>
      <c r="I561" s="5"/>
      <c r="J561" s="5"/>
      <c r="K561" s="3"/>
      <c r="L561" s="3"/>
    </row>
    <row r="562" spans="1:12" x14ac:dyDescent="0.4">
      <c r="A562" s="5"/>
      <c r="B562" s="5"/>
      <c r="C562" s="3"/>
      <c r="D562" s="3"/>
      <c r="E562" s="3"/>
      <c r="F562" s="3"/>
      <c r="G562" s="5"/>
      <c r="H562" s="5"/>
      <c r="I562" s="5"/>
      <c r="J562" s="5"/>
      <c r="K562" s="3"/>
      <c r="L562" s="3"/>
    </row>
    <row r="563" spans="1:12" x14ac:dyDescent="0.4">
      <c r="A563" s="5"/>
      <c r="B563" s="5"/>
      <c r="C563" s="3"/>
      <c r="D563" s="3"/>
      <c r="E563" s="3"/>
      <c r="F563" s="3"/>
      <c r="G563" s="5"/>
      <c r="H563" s="5"/>
      <c r="I563" s="5"/>
      <c r="J563" s="5"/>
      <c r="K563" s="3"/>
      <c r="L563" s="3"/>
    </row>
    <row r="564" spans="1:12" x14ac:dyDescent="0.4">
      <c r="A564" s="5"/>
      <c r="B564" s="5"/>
      <c r="C564" s="3"/>
      <c r="D564" s="3"/>
      <c r="E564" s="3"/>
      <c r="F564" s="3"/>
      <c r="G564" s="5"/>
      <c r="H564" s="5"/>
      <c r="I564" s="5"/>
      <c r="J564" s="5"/>
      <c r="K564" s="3"/>
      <c r="L564" s="3"/>
    </row>
    <row r="565" spans="1:12" x14ac:dyDescent="0.4">
      <c r="A565" s="5"/>
      <c r="B565" s="5"/>
      <c r="C565" s="3"/>
      <c r="D565" s="3"/>
      <c r="E565" s="3"/>
      <c r="F565" s="3"/>
      <c r="G565" s="5"/>
      <c r="H565" s="5"/>
      <c r="I565" s="5"/>
      <c r="J565" s="5"/>
      <c r="K565" s="3"/>
      <c r="L565" s="3"/>
    </row>
    <row r="566" spans="1:12" x14ac:dyDescent="0.4">
      <c r="A566" s="5"/>
      <c r="B566" s="5"/>
      <c r="C566" s="3"/>
      <c r="D566" s="3"/>
      <c r="E566" s="3"/>
      <c r="F566" s="3"/>
      <c r="G566" s="5"/>
      <c r="H566" s="5"/>
      <c r="I566" s="5"/>
      <c r="J566" s="5"/>
      <c r="K566" s="3"/>
      <c r="L566" s="3"/>
    </row>
    <row r="567" spans="1:12" x14ac:dyDescent="0.4">
      <c r="A567" s="5"/>
      <c r="B567" s="5"/>
      <c r="C567" s="3"/>
      <c r="D567" s="3"/>
      <c r="E567" s="3"/>
      <c r="F567" s="3"/>
      <c r="G567" s="5"/>
      <c r="H567" s="5"/>
      <c r="I567" s="5"/>
      <c r="J567" s="5"/>
      <c r="K567" s="3"/>
      <c r="L567" s="3"/>
    </row>
    <row r="568" spans="1:12" x14ac:dyDescent="0.4">
      <c r="A568" s="5"/>
      <c r="B568" s="5"/>
      <c r="C568" s="3"/>
      <c r="D568" s="3"/>
      <c r="E568" s="3"/>
      <c r="F568" s="3"/>
      <c r="G568" s="5"/>
      <c r="H568" s="5"/>
      <c r="I568" s="5"/>
      <c r="J568" s="5"/>
      <c r="K568" s="3"/>
      <c r="L568" s="3"/>
    </row>
    <row r="569" spans="1:12" x14ac:dyDescent="0.4">
      <c r="A569" s="5"/>
      <c r="B569" s="5"/>
      <c r="C569" s="3"/>
      <c r="D569" s="3"/>
      <c r="E569" s="3"/>
      <c r="F569" s="3"/>
      <c r="G569" s="5"/>
      <c r="H569" s="5"/>
      <c r="I569" s="5"/>
      <c r="J569" s="5"/>
      <c r="K569" s="3"/>
      <c r="L569" s="3"/>
    </row>
    <row r="570" spans="1:12" x14ac:dyDescent="0.4">
      <c r="A570" s="5"/>
      <c r="B570" s="5"/>
      <c r="C570" s="3"/>
      <c r="D570" s="3"/>
      <c r="E570" s="3"/>
      <c r="F570" s="3"/>
      <c r="G570" s="5"/>
      <c r="H570" s="5"/>
      <c r="I570" s="5"/>
      <c r="J570" s="5"/>
      <c r="K570" s="3"/>
      <c r="L570" s="3"/>
    </row>
  </sheetData>
  <mergeCells count="78">
    <mergeCell ref="L130:L131"/>
    <mergeCell ref="K130:K131"/>
    <mergeCell ref="J112:J113"/>
    <mergeCell ref="I99:J100"/>
    <mergeCell ref="K69:L69"/>
    <mergeCell ref="K70:K71"/>
    <mergeCell ref="L70:L71"/>
    <mergeCell ref="K74:K75"/>
    <mergeCell ref="L74:L75"/>
    <mergeCell ref="G72:L72"/>
    <mergeCell ref="J79:J80"/>
    <mergeCell ref="J74:J75"/>
    <mergeCell ref="G69:G71"/>
    <mergeCell ref="H69:H71"/>
    <mergeCell ref="J69:J71"/>
    <mergeCell ref="I79:I80"/>
    <mergeCell ref="I223:I229"/>
    <mergeCell ref="J241:J242"/>
    <mergeCell ref="J239:J240"/>
    <mergeCell ref="G153:G154"/>
    <mergeCell ref="H153:H154"/>
    <mergeCell ref="I153:I154"/>
    <mergeCell ref="B69:B71"/>
    <mergeCell ref="A130:A131"/>
    <mergeCell ref="C130:C131"/>
    <mergeCell ref="D130:D131"/>
    <mergeCell ref="J128:J129"/>
    <mergeCell ref="J130:J131"/>
    <mergeCell ref="G74:G75"/>
    <mergeCell ref="H74:H75"/>
    <mergeCell ref="J304:J305"/>
    <mergeCell ref="G293:J296"/>
    <mergeCell ref="G288:I292"/>
    <mergeCell ref="G194:G197"/>
    <mergeCell ref="H241:H242"/>
    <mergeCell ref="G233:H234"/>
    <mergeCell ref="G223:H229"/>
    <mergeCell ref="J270:J271"/>
    <mergeCell ref="I247:I248"/>
    <mergeCell ref="J247:J248"/>
    <mergeCell ref="I262:I263"/>
    <mergeCell ref="I239:I242"/>
    <mergeCell ref="G209:L209"/>
    <mergeCell ref="G301:G302"/>
    <mergeCell ref="G299:G300"/>
    <mergeCell ref="I202:I203"/>
    <mergeCell ref="J297:J298"/>
    <mergeCell ref="J93:J94"/>
    <mergeCell ref="A282:E282"/>
    <mergeCell ref="G247:G249"/>
    <mergeCell ref="H247:H249"/>
    <mergeCell ref="G241:G242"/>
    <mergeCell ref="G263:G265"/>
    <mergeCell ref="G268:G269"/>
    <mergeCell ref="A209:E209"/>
    <mergeCell ref="I155:I161"/>
    <mergeCell ref="I130:I131"/>
    <mergeCell ref="G157:G161"/>
    <mergeCell ref="G155:G156"/>
    <mergeCell ref="G95:G96"/>
    <mergeCell ref="A216:E216"/>
    <mergeCell ref="G218:G219"/>
    <mergeCell ref="M69:N70"/>
    <mergeCell ref="A153:A154"/>
    <mergeCell ref="G282:L282"/>
    <mergeCell ref="I69:I71"/>
    <mergeCell ref="I74:I75"/>
    <mergeCell ref="G130:G131"/>
    <mergeCell ref="H130:H131"/>
    <mergeCell ref="A166:E166"/>
    <mergeCell ref="A217:E217"/>
    <mergeCell ref="I194:I196"/>
    <mergeCell ref="J198:J201"/>
    <mergeCell ref="A69:A71"/>
    <mergeCell ref="E130:E131"/>
    <mergeCell ref="E70:E71"/>
    <mergeCell ref="C69:E69"/>
    <mergeCell ref="A72:E72"/>
  </mergeCells>
  <phoneticPr fontId="2"/>
  <dataValidations count="1">
    <dataValidation type="list" allowBlank="1" showInputMessage="1" showErrorMessage="1" sqref="K261:L268 F101 F115 F125 F128:F130 E132 C168:F168 C170:F170 C178:F178 C173:E177 F180 F174:F176 C179:E182 C183:F185 K173:L207 C186:E207 C210:E211 C213:F214 K210:L211 C232:F232 C231:E231 F209:F211 F78:F81 F165:F166 C223:F223 K73:L74 F85:F90 F104 F135 E163 K132:L135 F111 K91:L120 C167:E167 C169:E169 F187 K138:L170 K76:L88 C260:E268 C224:E229 F217:F222 F227:F229 F92:F93 C295:D296 K258:L258 C233:D256 E233:E258 C258:D258 K231:L255 E230:F230 K223:L229 C220:D220 E220:E222 K220:L220 K213:L218 C218:E218 C132:D135 C123:D130 K123:L130 F120:F123 C91:D120 C73:D88 F74:F75 E283:E296 K283:L293 C283:D293 C297:E305 K295:L305 C270:D281 K270:L281 C138:D165 C215:E215" xr:uid="{1316A037-2AB8-494F-A708-89226554626C}">
      <formula1>"■,□"</formula1>
    </dataValidation>
  </dataValidations>
  <printOptions horizontalCentered="1"/>
  <pageMargins left="0.59055118110236227" right="0.59055118110236227" top="0.59055118110236227" bottom="0.39370078740157483" header="0.19685039370078741" footer="0.19685039370078741"/>
  <pageSetup paperSize="9" scale="83" firstPageNumber="5" pageOrder="overThenDown" orientation="portrait" useFirstPageNumber="1" r:id="rId1"/>
  <headerFooter differentFirst="1">
    <oddFooter>&amp;C小保―&amp;P</oddFooter>
  </headerFooter>
  <rowBreaks count="25" manualBreakCount="25">
    <brk id="81" max="11" man="1"/>
    <brk id="90" max="16383" man="1"/>
    <brk id="102" max="16383" man="1"/>
    <brk id="107" max="11" man="1"/>
    <brk id="115" max="11" man="1"/>
    <brk id="122" max="11" man="1"/>
    <brk id="132" max="11" man="1"/>
    <brk id="140" max="11" man="1"/>
    <brk id="144" max="11" man="1"/>
    <brk id="152" max="11" man="1"/>
    <brk id="161" max="11" man="1"/>
    <brk id="165" max="11" man="1"/>
    <brk id="172" max="11" man="1"/>
    <brk id="179" max="11" man="1"/>
    <brk id="190" max="11" man="1"/>
    <brk id="201" max="11" man="1"/>
    <brk id="208" max="11" man="1"/>
    <brk id="217" max="11" man="1"/>
    <brk id="229" max="11" man="1"/>
    <brk id="242" max="11" man="1"/>
    <brk id="251" max="11" man="1"/>
    <brk id="260" max="11" man="1"/>
    <brk id="269" max="11" man="1"/>
    <brk id="281" max="11" man="1"/>
    <brk id="296" max="11" man="1"/>
  </rowBreaks>
  <colBreaks count="1" manualBreakCount="1">
    <brk id="6" min="68" max="542" man="1"/>
  </colBreaks>
  <drawing r:id="rId2"/>
  <legacyDrawing r:id="rId3"/>
  <mc:AlternateContent xmlns:mc="http://schemas.openxmlformats.org/markup-compatibility/2006">
    <mc:Choice Requires="x14">
      <controls>
        <mc:AlternateContent xmlns:mc="http://schemas.openxmlformats.org/markup-compatibility/2006">
          <mc:Choice Requires="x14">
            <control shapeId="154263" r:id="rId4" name="Check Box 18071">
              <controlPr defaultSize="0" autoFill="0" autoLine="0" autoPict="0">
                <anchor moveWithCells="1">
                  <from>
                    <xdr:col>4</xdr:col>
                    <xdr:colOff>76200</xdr:colOff>
                    <xdr:row>71</xdr:row>
                    <xdr:rowOff>171450</xdr:rowOff>
                  </from>
                  <to>
                    <xdr:col>6</xdr:col>
                    <xdr:colOff>47625</xdr:colOff>
                    <xdr:row>72</xdr:row>
                    <xdr:rowOff>285750</xdr:rowOff>
                  </to>
                </anchor>
              </controlPr>
            </control>
          </mc:Choice>
        </mc:AlternateContent>
        <mc:AlternateContent xmlns:mc="http://schemas.openxmlformats.org/markup-compatibility/2006">
          <mc:Choice Requires="x14">
            <control shapeId="154264" r:id="rId5" name="Check Box 18072">
              <controlPr defaultSize="0" autoFill="0" autoLine="0" autoPict="0">
                <anchor moveWithCells="1">
                  <from>
                    <xdr:col>14</xdr:col>
                    <xdr:colOff>304800</xdr:colOff>
                    <xdr:row>72</xdr:row>
                    <xdr:rowOff>38100</xdr:rowOff>
                  </from>
                  <to>
                    <xdr:col>15</xdr:col>
                    <xdr:colOff>19050</xdr:colOff>
                    <xdr:row>72</xdr:row>
                    <xdr:rowOff>40005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DCC386-FCEB-4E49-9EC7-CE63DCD237BE}">
  <dimension ref="A1:AT554"/>
  <sheetViews>
    <sheetView showGridLines="0" zoomScaleNormal="100" zoomScaleSheetLayoutView="90" workbookViewId="0">
      <selection activeCell="C6" sqref="C6:G6"/>
    </sheetView>
  </sheetViews>
  <sheetFormatPr defaultRowHeight="12" x14ac:dyDescent="0.4"/>
  <cols>
    <col min="1" max="1" width="16.625" style="26" customWidth="1"/>
    <col min="2" max="2" width="4.25" style="26" customWidth="1"/>
    <col min="3" max="96" width="2.625" style="26" customWidth="1"/>
    <col min="97" max="16384" width="9" style="26"/>
  </cols>
  <sheetData>
    <row r="1" spans="1:46" ht="20.25" customHeight="1" x14ac:dyDescent="0.4">
      <c r="A1" s="211" t="s">
        <v>513</v>
      </c>
      <c r="F1" s="212"/>
    </row>
    <row r="2" spans="1:46" ht="24" customHeight="1" x14ac:dyDescent="0.4">
      <c r="A2" s="124" t="s">
        <v>514</v>
      </c>
      <c r="B2" s="660" t="s">
        <v>515</v>
      </c>
      <c r="C2" s="661"/>
      <c r="D2" s="661"/>
      <c r="E2" s="661"/>
      <c r="F2" s="661"/>
      <c r="G2" s="661"/>
      <c r="H2" s="661"/>
      <c r="I2" s="661"/>
      <c r="J2" s="661"/>
      <c r="K2" s="661"/>
      <c r="L2" s="661"/>
      <c r="M2" s="661"/>
      <c r="N2" s="661"/>
      <c r="O2" s="661"/>
      <c r="P2" s="661"/>
      <c r="Q2" s="661"/>
      <c r="R2" s="661"/>
      <c r="S2" s="661"/>
      <c r="T2" s="661"/>
      <c r="U2" s="661"/>
      <c r="V2" s="661"/>
      <c r="W2" s="661"/>
      <c r="X2" s="661"/>
      <c r="Y2" s="661"/>
      <c r="Z2" s="661"/>
      <c r="AA2" s="661"/>
      <c r="AB2" s="661"/>
      <c r="AC2" s="661"/>
      <c r="AD2" s="661"/>
      <c r="AE2" s="661"/>
      <c r="AF2" s="661"/>
      <c r="AG2" s="661"/>
      <c r="AH2" s="661"/>
      <c r="AI2" s="661"/>
      <c r="AJ2" s="661"/>
      <c r="AK2" s="661"/>
      <c r="AL2" s="661"/>
      <c r="AM2" s="661"/>
      <c r="AN2" s="661"/>
      <c r="AO2" s="662"/>
    </row>
    <row r="3" spans="1:46" x14ac:dyDescent="0.4">
      <c r="A3" s="473" t="s">
        <v>516</v>
      </c>
      <c r="B3" s="12"/>
      <c r="C3" s="13"/>
      <c r="D3" s="13"/>
      <c r="E3" s="13"/>
      <c r="F3" s="13"/>
      <c r="G3" s="13"/>
      <c r="H3" s="13"/>
      <c r="I3" s="13"/>
      <c r="J3" s="13"/>
      <c r="K3" s="13"/>
      <c r="L3" s="13"/>
      <c r="M3" s="13"/>
      <c r="N3" s="13"/>
      <c r="O3" s="13"/>
      <c r="P3" s="13"/>
      <c r="Q3" s="13"/>
      <c r="R3" s="13"/>
      <c r="S3" s="13"/>
      <c r="T3" s="13"/>
      <c r="U3" s="13"/>
      <c r="V3" s="13"/>
      <c r="W3" s="13"/>
      <c r="X3" s="13"/>
      <c r="Y3" s="13"/>
      <c r="Z3" s="13"/>
      <c r="AA3" s="13"/>
      <c r="AB3" s="13"/>
      <c r="AC3" s="13"/>
      <c r="AD3" s="13"/>
      <c r="AE3" s="13"/>
      <c r="AF3" s="13"/>
      <c r="AG3" s="13"/>
      <c r="AH3" s="13"/>
      <c r="AI3" s="13"/>
      <c r="AJ3" s="13"/>
      <c r="AK3" s="13"/>
      <c r="AL3" s="13"/>
      <c r="AM3" s="13"/>
      <c r="AN3" s="13"/>
      <c r="AO3" s="79"/>
    </row>
    <row r="4" spans="1:46" x14ac:dyDescent="0.4">
      <c r="A4" s="474"/>
      <c r="B4" s="80"/>
      <c r="C4" s="26" t="s">
        <v>517</v>
      </c>
      <c r="AO4" s="81"/>
    </row>
    <row r="5" spans="1:46" ht="18" customHeight="1" x14ac:dyDescent="0.4">
      <c r="A5" s="474"/>
      <c r="B5" s="80"/>
      <c r="C5" s="295" t="s">
        <v>518</v>
      </c>
      <c r="D5" s="295"/>
      <c r="E5" s="295"/>
      <c r="F5" s="295"/>
      <c r="G5" s="295"/>
      <c r="H5" s="295" t="s">
        <v>519</v>
      </c>
      <c r="I5" s="295"/>
      <c r="J5" s="295"/>
      <c r="K5" s="295"/>
      <c r="L5" s="295"/>
      <c r="M5" s="295" t="s">
        <v>520</v>
      </c>
      <c r="N5" s="295"/>
      <c r="O5" s="295"/>
      <c r="P5" s="295"/>
      <c r="Q5" s="295"/>
      <c r="R5" s="295" t="s">
        <v>521</v>
      </c>
      <c r="S5" s="295"/>
      <c r="T5" s="295"/>
      <c r="U5" s="295"/>
      <c r="V5" s="295"/>
      <c r="W5" s="295" t="s">
        <v>522</v>
      </c>
      <c r="X5" s="295"/>
      <c r="Y5" s="295"/>
      <c r="Z5" s="295"/>
      <c r="AA5" s="295"/>
      <c r="AB5" s="295"/>
      <c r="AO5" s="81"/>
    </row>
    <row r="6" spans="1:46" ht="35.25" customHeight="1" x14ac:dyDescent="0.4">
      <c r="A6" s="474"/>
      <c r="B6" s="80"/>
      <c r="C6" s="295"/>
      <c r="D6" s="295"/>
      <c r="E6" s="295"/>
      <c r="F6" s="295"/>
      <c r="G6" s="295"/>
      <c r="H6" s="295"/>
      <c r="I6" s="295"/>
      <c r="J6" s="295"/>
      <c r="K6" s="295"/>
      <c r="L6" s="295"/>
      <c r="M6" s="338" t="s">
        <v>523</v>
      </c>
      <c r="N6" s="295"/>
      <c r="O6" s="295"/>
      <c r="P6" s="295"/>
      <c r="Q6" s="295"/>
      <c r="R6" s="295"/>
      <c r="S6" s="295"/>
      <c r="T6" s="295"/>
      <c r="U6" s="295"/>
      <c r="V6" s="295"/>
      <c r="W6" s="337" t="s">
        <v>524</v>
      </c>
      <c r="X6" s="337"/>
      <c r="Y6" s="337"/>
      <c r="Z6" s="337"/>
      <c r="AA6" s="337"/>
      <c r="AB6" s="337"/>
      <c r="AE6" s="122"/>
      <c r="AO6" s="81"/>
    </row>
    <row r="7" spans="1:46" x14ac:dyDescent="0.4">
      <c r="A7" s="477"/>
      <c r="B7" s="18"/>
      <c r="C7" s="19"/>
      <c r="D7" s="19"/>
      <c r="E7" s="19"/>
      <c r="F7" s="19"/>
      <c r="G7" s="19"/>
      <c r="H7" s="19"/>
      <c r="I7" s="19"/>
      <c r="J7" s="19"/>
      <c r="K7" s="19"/>
      <c r="L7" s="19"/>
      <c r="M7" s="19"/>
      <c r="N7" s="19"/>
      <c r="O7" s="19"/>
      <c r="P7" s="19"/>
      <c r="Q7" s="19"/>
      <c r="R7" s="19"/>
      <c r="S7" s="19"/>
      <c r="T7" s="19"/>
      <c r="U7" s="19"/>
      <c r="V7" s="19"/>
      <c r="W7" s="19"/>
      <c r="X7" s="19"/>
      <c r="Y7" s="19"/>
      <c r="Z7" s="19"/>
      <c r="AA7" s="19"/>
      <c r="AB7" s="19"/>
      <c r="AC7" s="19"/>
      <c r="AD7" s="19"/>
      <c r="AE7" s="19"/>
      <c r="AF7" s="19"/>
      <c r="AG7" s="19"/>
      <c r="AH7" s="19"/>
      <c r="AI7" s="19"/>
      <c r="AJ7" s="19"/>
      <c r="AK7" s="19"/>
      <c r="AL7" s="19"/>
      <c r="AM7" s="19"/>
      <c r="AN7" s="19"/>
      <c r="AO7" s="82"/>
    </row>
    <row r="8" spans="1:46" ht="12" customHeight="1" x14ac:dyDescent="0.4">
      <c r="A8" s="473" t="s">
        <v>525</v>
      </c>
      <c r="B8" s="12"/>
      <c r="C8" s="13"/>
      <c r="D8" s="13"/>
      <c r="E8" s="13"/>
      <c r="F8" s="13"/>
      <c r="G8" s="13"/>
      <c r="H8" s="13"/>
      <c r="I8" s="13"/>
      <c r="J8" s="13"/>
      <c r="K8" s="13"/>
      <c r="L8" s="13"/>
      <c r="M8" s="13"/>
      <c r="N8" s="13"/>
      <c r="O8" s="13"/>
      <c r="P8" s="13"/>
      <c r="Q8" s="13"/>
      <c r="R8" s="13"/>
      <c r="S8" s="13"/>
      <c r="T8" s="13"/>
      <c r="U8" s="13"/>
      <c r="V8" s="13"/>
      <c r="W8" s="13"/>
      <c r="X8" s="13"/>
      <c r="Y8" s="13"/>
      <c r="Z8" s="13"/>
      <c r="AA8" s="13"/>
      <c r="AB8" s="13"/>
      <c r="AC8" s="13"/>
      <c r="AD8" s="13"/>
      <c r="AE8" s="13"/>
      <c r="AF8" s="13"/>
      <c r="AG8" s="13"/>
      <c r="AH8" s="13"/>
      <c r="AI8" s="13"/>
      <c r="AJ8" s="13"/>
      <c r="AK8" s="13"/>
      <c r="AL8" s="13"/>
      <c r="AM8" s="13"/>
      <c r="AN8" s="13"/>
      <c r="AO8" s="79"/>
      <c r="AQ8" s="213"/>
      <c r="AR8" s="26" t="s">
        <v>999</v>
      </c>
    </row>
    <row r="9" spans="1:46" ht="18" customHeight="1" thickBot="1" x14ac:dyDescent="0.45">
      <c r="A9" s="474"/>
      <c r="B9" s="80"/>
      <c r="C9" s="138" t="s">
        <v>526</v>
      </c>
      <c r="D9" s="138"/>
      <c r="E9" s="138"/>
      <c r="F9" s="138"/>
      <c r="G9" s="138"/>
      <c r="H9" s="138"/>
      <c r="I9" s="138"/>
      <c r="J9" s="138"/>
      <c r="K9" s="138"/>
      <c r="L9" s="138" t="s">
        <v>997</v>
      </c>
      <c r="M9" s="165"/>
      <c r="N9" s="165"/>
      <c r="O9" s="165"/>
      <c r="P9" s="165"/>
      <c r="Q9" s="165"/>
      <c r="R9" s="165"/>
      <c r="S9" s="165"/>
      <c r="U9" s="138" t="s">
        <v>928</v>
      </c>
      <c r="X9" s="659"/>
      <c r="Y9" s="659"/>
      <c r="Z9" s="659"/>
      <c r="AA9" s="274" t="s">
        <v>1123</v>
      </c>
      <c r="AB9" s="138"/>
      <c r="AC9" s="138"/>
      <c r="AD9" s="138"/>
      <c r="AE9" s="138"/>
      <c r="AG9" s="138"/>
      <c r="AH9" s="138"/>
      <c r="AO9" s="81"/>
    </row>
    <row r="10" spans="1:46" ht="12" customHeight="1" x14ac:dyDescent="0.4">
      <c r="A10" s="475"/>
      <c r="B10" s="80"/>
      <c r="C10" s="650"/>
      <c r="D10" s="651"/>
      <c r="E10" s="651"/>
      <c r="F10" s="651"/>
      <c r="G10" s="652"/>
      <c r="H10" s="646" t="s">
        <v>527</v>
      </c>
      <c r="I10" s="647"/>
      <c r="J10" s="647"/>
      <c r="K10" s="647"/>
      <c r="L10" s="684" t="s">
        <v>529</v>
      </c>
      <c r="M10" s="685"/>
      <c r="N10" s="686"/>
      <c r="O10" s="687"/>
      <c r="P10" s="672" t="s">
        <v>99</v>
      </c>
      <c r="Q10" s="673"/>
      <c r="R10" s="673"/>
      <c r="S10" s="674"/>
      <c r="T10" s="653" t="s">
        <v>528</v>
      </c>
      <c r="U10" s="653"/>
      <c r="V10" s="653"/>
      <c r="W10" s="653"/>
      <c r="X10" s="653" t="s">
        <v>94</v>
      </c>
      <c r="Y10" s="653"/>
      <c r="Z10" s="653"/>
      <c r="AA10" s="654"/>
      <c r="AB10" s="269"/>
      <c r="AC10" s="270"/>
      <c r="AD10" s="270"/>
      <c r="AE10" s="270"/>
      <c r="AF10" s="271"/>
      <c r="AG10" s="271"/>
      <c r="AH10" s="271"/>
      <c r="AI10" s="271"/>
      <c r="AJ10" s="271"/>
      <c r="AK10" s="271"/>
      <c r="AL10" s="271"/>
      <c r="AM10" s="271"/>
      <c r="AO10" s="81"/>
      <c r="AQ10" s="26" t="s">
        <v>1124</v>
      </c>
    </row>
    <row r="11" spans="1:46" ht="12" customHeight="1" x14ac:dyDescent="0.4">
      <c r="A11" s="475"/>
      <c r="B11" s="80"/>
      <c r="C11" s="651"/>
      <c r="D11" s="651"/>
      <c r="E11" s="651"/>
      <c r="F11" s="651"/>
      <c r="G11" s="652"/>
      <c r="H11" s="648"/>
      <c r="I11" s="649"/>
      <c r="J11" s="649"/>
      <c r="K11" s="649"/>
      <c r="L11" s="563"/>
      <c r="M11" s="564"/>
      <c r="N11" s="688"/>
      <c r="O11" s="689"/>
      <c r="P11" s="675"/>
      <c r="Q11" s="676"/>
      <c r="R11" s="676"/>
      <c r="S11" s="677"/>
      <c r="T11" s="574"/>
      <c r="U11" s="574"/>
      <c r="V11" s="574"/>
      <c r="W11" s="574"/>
      <c r="X11" s="574"/>
      <c r="Y11" s="574"/>
      <c r="Z11" s="574"/>
      <c r="AA11" s="655"/>
      <c r="AB11" s="270"/>
      <c r="AC11" s="270"/>
      <c r="AD11" s="270"/>
      <c r="AE11" s="270"/>
      <c r="AF11" s="271"/>
      <c r="AG11" s="271"/>
      <c r="AH11" s="271"/>
      <c r="AI11" s="271"/>
      <c r="AJ11" s="271"/>
      <c r="AK11" s="271"/>
      <c r="AL11" s="271"/>
      <c r="AM11" s="271"/>
      <c r="AO11" s="81"/>
    </row>
    <row r="12" spans="1:46" ht="24" customHeight="1" x14ac:dyDescent="0.4">
      <c r="A12" s="475"/>
      <c r="B12" s="80"/>
      <c r="C12" s="641" t="s">
        <v>530</v>
      </c>
      <c r="D12" s="641"/>
      <c r="E12" s="641"/>
      <c r="F12" s="641"/>
      <c r="G12" s="642"/>
      <c r="H12" s="635"/>
      <c r="I12" s="636"/>
      <c r="J12" s="636"/>
      <c r="K12" s="637"/>
      <c r="L12" s="690"/>
      <c r="M12" s="691"/>
      <c r="N12" s="691"/>
      <c r="O12" s="692"/>
      <c r="P12" s="638"/>
      <c r="Q12" s="639"/>
      <c r="R12" s="639"/>
      <c r="S12" s="640"/>
      <c r="T12" s="574"/>
      <c r="U12" s="574"/>
      <c r="V12" s="574"/>
      <c r="W12" s="574"/>
      <c r="X12" s="667">
        <f>H12+L12+P12</f>
        <v>0</v>
      </c>
      <c r="Y12" s="636"/>
      <c r="Z12" s="636"/>
      <c r="AA12" s="668"/>
      <c r="AB12" s="272"/>
      <c r="AC12" s="272"/>
      <c r="AD12" s="272"/>
      <c r="AE12" s="272"/>
      <c r="AF12" s="271"/>
      <c r="AG12" s="271"/>
      <c r="AH12" s="271"/>
      <c r="AI12" s="271"/>
      <c r="AJ12" s="271"/>
      <c r="AK12" s="271"/>
      <c r="AL12" s="271"/>
      <c r="AM12" s="271"/>
      <c r="AO12" s="81"/>
    </row>
    <row r="13" spans="1:46" hidden="1" x14ac:dyDescent="0.4">
      <c r="A13" s="475"/>
      <c r="B13" s="80"/>
      <c r="C13" s="678" t="s">
        <v>531</v>
      </c>
      <c r="D13" s="644"/>
      <c r="E13" s="644"/>
      <c r="F13" s="644"/>
      <c r="G13" s="644"/>
      <c r="H13" s="679"/>
      <c r="I13" s="644"/>
      <c r="J13" s="644"/>
      <c r="K13" s="680"/>
      <c r="L13" s="681"/>
      <c r="M13" s="682"/>
      <c r="N13" s="682"/>
      <c r="O13" s="683"/>
      <c r="P13" s="681"/>
      <c r="Q13" s="682"/>
      <c r="R13" s="682"/>
      <c r="S13" s="683"/>
      <c r="T13" s="574"/>
      <c r="U13" s="574"/>
      <c r="V13" s="574"/>
      <c r="W13" s="574"/>
      <c r="X13" s="643">
        <f>H13+L13+P13</f>
        <v>0</v>
      </c>
      <c r="Y13" s="644"/>
      <c r="Z13" s="644"/>
      <c r="AA13" s="645"/>
      <c r="AB13" s="272"/>
      <c r="AC13" s="272"/>
      <c r="AD13" s="272"/>
      <c r="AE13" s="272"/>
      <c r="AF13" s="271"/>
      <c r="AG13" s="271"/>
      <c r="AH13" s="271"/>
      <c r="AI13" s="271"/>
      <c r="AJ13" s="271"/>
      <c r="AK13" s="271"/>
      <c r="AL13" s="271"/>
      <c r="AM13" s="271"/>
      <c r="AO13" s="81"/>
    </row>
    <row r="14" spans="1:46" ht="15.95" customHeight="1" x14ac:dyDescent="0.4">
      <c r="A14" s="475"/>
      <c r="B14" s="80"/>
      <c r="C14" s="575" t="s">
        <v>532</v>
      </c>
      <c r="D14" s="576"/>
      <c r="E14" s="576"/>
      <c r="F14" s="576"/>
      <c r="G14" s="576"/>
      <c r="H14" s="205"/>
      <c r="I14" s="671">
        <f>H12</f>
        <v>0</v>
      </c>
      <c r="J14" s="541"/>
      <c r="K14" s="261"/>
      <c r="L14" s="262"/>
      <c r="M14" s="627">
        <f>L12</f>
        <v>0</v>
      </c>
      <c r="N14" s="627"/>
      <c r="O14" s="263"/>
      <c r="P14" s="262"/>
      <c r="Q14" s="627">
        <f>P12</f>
        <v>0</v>
      </c>
      <c r="R14" s="627"/>
      <c r="S14" s="263"/>
      <c r="T14" s="574"/>
      <c r="U14" s="574"/>
      <c r="V14" s="574"/>
      <c r="W14" s="574"/>
      <c r="X14" s="575" t="s">
        <v>101</v>
      </c>
      <c r="Y14" s="576"/>
      <c r="Z14" s="576"/>
      <c r="AA14" s="669"/>
      <c r="AB14" s="272"/>
      <c r="AC14" s="272"/>
      <c r="AD14" s="272"/>
      <c r="AE14" s="272"/>
      <c r="AF14" s="271"/>
      <c r="AG14" s="271"/>
      <c r="AH14" s="271"/>
      <c r="AI14" s="271"/>
      <c r="AJ14" s="271"/>
      <c r="AK14" s="271"/>
      <c r="AL14" s="271"/>
      <c r="AM14" s="271"/>
      <c r="AO14" s="81"/>
    </row>
    <row r="15" spans="1:46" ht="15.95" customHeight="1" x14ac:dyDescent="0.4">
      <c r="A15" s="475"/>
      <c r="B15" s="80"/>
      <c r="C15" s="578"/>
      <c r="D15" s="579"/>
      <c r="E15" s="579"/>
      <c r="F15" s="579"/>
      <c r="G15" s="579"/>
      <c r="H15" s="206"/>
      <c r="I15" s="541">
        <v>3</v>
      </c>
      <c r="J15" s="541"/>
      <c r="K15" s="207"/>
      <c r="L15" s="693">
        <v>6</v>
      </c>
      <c r="M15" s="694"/>
      <c r="N15" s="694"/>
      <c r="O15" s="695"/>
      <c r="P15" s="656">
        <v>6</v>
      </c>
      <c r="Q15" s="657"/>
      <c r="R15" s="657"/>
      <c r="S15" s="658"/>
      <c r="T15" s="574"/>
      <c r="U15" s="574"/>
      <c r="V15" s="574"/>
      <c r="W15" s="574"/>
      <c r="X15" s="578"/>
      <c r="Y15" s="579"/>
      <c r="Z15" s="579"/>
      <c r="AA15" s="670"/>
      <c r="AB15" s="272"/>
      <c r="AC15" s="272"/>
      <c r="AD15" s="272"/>
      <c r="AE15" s="272"/>
      <c r="AF15" s="271"/>
      <c r="AG15" s="271"/>
      <c r="AH15" s="271"/>
      <c r="AI15" s="271"/>
      <c r="AJ15" s="271"/>
      <c r="AK15" s="271"/>
      <c r="AL15" s="271"/>
      <c r="AM15" s="271"/>
      <c r="AO15" s="81"/>
    </row>
    <row r="16" spans="1:46" ht="24" customHeight="1" thickBot="1" x14ac:dyDescent="0.45">
      <c r="A16" s="475"/>
      <c r="B16" s="80"/>
      <c r="C16" s="574" t="s">
        <v>533</v>
      </c>
      <c r="D16" s="574"/>
      <c r="E16" s="574"/>
      <c r="F16" s="574"/>
      <c r="G16" s="540"/>
      <c r="H16" s="628">
        <f>ROUNDDOWN($I14/$I15,1)</f>
        <v>0</v>
      </c>
      <c r="I16" s="629"/>
      <c r="J16" s="629"/>
      <c r="K16" s="630"/>
      <c r="L16" s="631">
        <f>IF(M14="―",0,ROUNDDOWN($M14/$L15,1))</f>
        <v>0</v>
      </c>
      <c r="M16" s="629"/>
      <c r="N16" s="629"/>
      <c r="O16" s="630"/>
      <c r="P16" s="631">
        <f>IF(Q14="―",0,ROUNDDOWN($Q14/$P15,1))</f>
        <v>0</v>
      </c>
      <c r="Q16" s="629"/>
      <c r="R16" s="629"/>
      <c r="S16" s="630"/>
      <c r="T16" s="663">
        <v>1</v>
      </c>
      <c r="U16" s="663"/>
      <c r="V16" s="663"/>
      <c r="W16" s="663"/>
      <c r="X16" s="664">
        <f>IF(L15=6,ROUND(H16+L16+T16+P16,0),ROUND(H16+L16+P16+T16,0))</f>
        <v>1</v>
      </c>
      <c r="Y16" s="665"/>
      <c r="Z16" s="665"/>
      <c r="AA16" s="666"/>
      <c r="AB16" s="138"/>
      <c r="AC16" s="138"/>
      <c r="AD16" s="138"/>
      <c r="AE16" s="138"/>
      <c r="AF16" s="273"/>
      <c r="AG16" s="273"/>
      <c r="AH16" s="273"/>
      <c r="AI16" s="273"/>
      <c r="AJ16" s="273"/>
      <c r="AK16" s="273"/>
      <c r="AL16" s="273"/>
      <c r="AM16" s="273"/>
      <c r="AO16" s="81"/>
      <c r="AT16" s="123"/>
    </row>
    <row r="17" spans="1:43" x14ac:dyDescent="0.4">
      <c r="A17" s="475"/>
      <c r="B17" s="80"/>
      <c r="C17" s="138" t="s">
        <v>1206</v>
      </c>
      <c r="D17" s="138"/>
      <c r="E17" s="138"/>
      <c r="F17" s="138"/>
      <c r="G17" s="138"/>
      <c r="H17" s="138"/>
      <c r="I17" s="138"/>
      <c r="J17" s="138"/>
      <c r="K17" s="138"/>
      <c r="L17" s="138"/>
      <c r="M17" s="138"/>
      <c r="N17" s="138"/>
      <c r="O17" s="138"/>
      <c r="P17" s="138"/>
      <c r="Q17" s="138"/>
      <c r="R17" s="138"/>
      <c r="S17" s="138"/>
      <c r="T17" s="138"/>
      <c r="U17" s="138"/>
      <c r="V17" s="138"/>
      <c r="W17" s="138"/>
      <c r="X17" s="138"/>
      <c r="Y17" s="138"/>
      <c r="Z17" s="138"/>
      <c r="AA17" s="138"/>
      <c r="AB17" s="138"/>
      <c r="AC17" s="138"/>
      <c r="AD17" s="138"/>
      <c r="AE17" s="138"/>
      <c r="AF17" s="138"/>
      <c r="AG17" s="138"/>
      <c r="AH17" s="138"/>
      <c r="AI17" s="138"/>
      <c r="AJ17" s="138"/>
      <c r="AK17" s="138"/>
      <c r="AL17" s="138"/>
      <c r="AM17" s="138"/>
      <c r="AO17" s="81"/>
    </row>
    <row r="18" spans="1:43" x14ac:dyDescent="0.4">
      <c r="A18" s="475"/>
      <c r="B18" s="80"/>
      <c r="C18" s="138" t="s">
        <v>534</v>
      </c>
      <c r="D18" s="138"/>
      <c r="E18" s="138"/>
      <c r="F18" s="138"/>
      <c r="G18" s="138"/>
      <c r="H18" s="138"/>
      <c r="I18" s="138"/>
      <c r="J18" s="138"/>
      <c r="K18" s="138"/>
      <c r="L18" s="138"/>
      <c r="M18" s="138"/>
      <c r="N18" s="138"/>
      <c r="O18" s="138"/>
      <c r="P18" s="138"/>
      <c r="Q18" s="138"/>
      <c r="R18" s="138"/>
      <c r="S18" s="138"/>
      <c r="T18" s="138"/>
      <c r="U18" s="138"/>
      <c r="V18" s="138"/>
      <c r="W18" s="138"/>
      <c r="X18" s="138"/>
      <c r="Y18" s="138"/>
      <c r="Z18" s="138"/>
      <c r="AA18" s="138"/>
      <c r="AB18" s="138"/>
      <c r="AC18" s="138"/>
      <c r="AD18" s="138"/>
      <c r="AE18" s="138"/>
      <c r="AF18" s="138"/>
      <c r="AG18" s="138"/>
      <c r="AH18" s="138"/>
      <c r="AI18" s="138"/>
      <c r="AJ18" s="138"/>
      <c r="AK18" s="138"/>
      <c r="AL18" s="138"/>
      <c r="AM18" s="138"/>
      <c r="AO18" s="81"/>
    </row>
    <row r="19" spans="1:43" x14ac:dyDescent="0.4">
      <c r="A19" s="475"/>
      <c r="B19" s="80"/>
      <c r="C19" s="138"/>
      <c r="D19" s="138"/>
      <c r="E19" s="138"/>
      <c r="F19" s="138"/>
      <c r="G19" s="138"/>
      <c r="H19" s="138"/>
      <c r="I19" s="138"/>
      <c r="J19" s="138"/>
      <c r="K19" s="138"/>
      <c r="L19" s="138"/>
      <c r="M19" s="138"/>
      <c r="N19" s="138"/>
      <c r="O19" s="138"/>
      <c r="P19" s="138"/>
      <c r="Q19" s="138"/>
      <c r="R19" s="138"/>
      <c r="S19" s="138"/>
      <c r="T19" s="138"/>
      <c r="U19" s="138"/>
      <c r="V19" s="138"/>
      <c r="W19" s="138"/>
      <c r="X19" s="138"/>
      <c r="Y19" s="138"/>
      <c r="Z19" s="138"/>
      <c r="AA19" s="138"/>
      <c r="AB19" s="138"/>
      <c r="AC19" s="138"/>
      <c r="AD19" s="138"/>
      <c r="AE19" s="138"/>
      <c r="AF19" s="138"/>
      <c r="AG19" s="138"/>
      <c r="AH19" s="138"/>
      <c r="AI19" s="138"/>
      <c r="AJ19" s="138"/>
      <c r="AK19" s="138"/>
      <c r="AL19" s="138"/>
      <c r="AM19" s="138"/>
      <c r="AO19" s="81"/>
    </row>
    <row r="20" spans="1:43" x14ac:dyDescent="0.4">
      <c r="A20" s="475"/>
      <c r="B20" s="80"/>
      <c r="C20" s="138"/>
      <c r="D20" s="138"/>
      <c r="E20" s="138"/>
      <c r="F20" s="138"/>
      <c r="G20" s="138"/>
      <c r="H20" s="138"/>
      <c r="I20" s="138"/>
      <c r="J20" s="138"/>
      <c r="K20" s="138"/>
      <c r="L20" s="138"/>
      <c r="M20" s="138"/>
      <c r="N20" s="138"/>
      <c r="O20" s="138"/>
      <c r="P20" s="138"/>
      <c r="Q20" s="138"/>
      <c r="R20" s="138"/>
      <c r="S20" s="138"/>
      <c r="T20" s="138"/>
      <c r="U20" s="138"/>
      <c r="V20" s="138"/>
      <c r="W20" s="138"/>
      <c r="X20" s="138"/>
      <c r="Y20" s="138"/>
      <c r="Z20" s="138"/>
      <c r="AA20" s="138"/>
      <c r="AB20" s="138"/>
      <c r="AC20" s="138"/>
      <c r="AD20" s="138"/>
      <c r="AE20" s="138"/>
      <c r="AF20" s="138"/>
      <c r="AG20" s="138"/>
      <c r="AH20" s="138"/>
      <c r="AI20" s="138"/>
      <c r="AJ20" s="138"/>
      <c r="AK20" s="138"/>
      <c r="AL20" s="138"/>
      <c r="AM20" s="138"/>
      <c r="AO20" s="81"/>
    </row>
    <row r="21" spans="1:43" x14ac:dyDescent="0.4">
      <c r="A21" s="475"/>
      <c r="B21" s="80"/>
      <c r="C21" s="138"/>
      <c r="D21" s="138"/>
      <c r="E21" s="138"/>
      <c r="F21" s="138"/>
      <c r="G21" s="138"/>
      <c r="H21" s="138"/>
      <c r="I21" s="138"/>
      <c r="J21" s="138"/>
      <c r="K21" s="138"/>
      <c r="L21" s="138"/>
      <c r="M21" s="138"/>
      <c r="N21" s="138"/>
      <c r="O21" s="138"/>
      <c r="P21" s="138"/>
      <c r="Q21" s="138"/>
      <c r="R21" s="138"/>
      <c r="S21" s="138"/>
      <c r="T21" s="138"/>
      <c r="U21" s="138"/>
      <c r="V21" s="138"/>
      <c r="W21" s="138"/>
      <c r="X21" s="138"/>
      <c r="Y21" s="138"/>
      <c r="Z21" s="138"/>
      <c r="AA21" s="138"/>
      <c r="AB21" s="138"/>
      <c r="AC21" s="138"/>
      <c r="AD21" s="138"/>
      <c r="AE21" s="138"/>
      <c r="AF21" s="138"/>
      <c r="AG21" s="138"/>
      <c r="AH21" s="138"/>
      <c r="AI21" s="138"/>
      <c r="AJ21" s="138"/>
      <c r="AK21" s="138"/>
      <c r="AL21" s="138"/>
      <c r="AM21" s="138"/>
      <c r="AO21" s="81"/>
    </row>
    <row r="22" spans="1:43" x14ac:dyDescent="0.4">
      <c r="A22" s="475"/>
      <c r="B22" s="80"/>
      <c r="AO22" s="81"/>
    </row>
    <row r="23" spans="1:43" x14ac:dyDescent="0.4">
      <c r="A23" s="475"/>
      <c r="B23" s="80"/>
      <c r="C23" s="26" t="s">
        <v>535</v>
      </c>
      <c r="AO23" s="81"/>
    </row>
    <row r="24" spans="1:43" ht="15.95" customHeight="1" x14ac:dyDescent="0.4">
      <c r="A24" s="475"/>
      <c r="B24" s="80"/>
      <c r="C24" s="525" t="s">
        <v>536</v>
      </c>
      <c r="D24" s="526"/>
      <c r="E24" s="526"/>
      <c r="F24" s="526"/>
      <c r="G24" s="526"/>
      <c r="H24" s="526"/>
      <c r="I24" s="526"/>
      <c r="J24" s="527"/>
      <c r="K24" s="336" t="s">
        <v>537</v>
      </c>
      <c r="L24" s="336"/>
      <c r="M24" s="336"/>
      <c r="N24" s="336"/>
      <c r="O24" s="336"/>
      <c r="P24" s="336"/>
      <c r="Q24" s="336"/>
      <c r="R24" s="336"/>
      <c r="S24" s="337" t="s">
        <v>538</v>
      </c>
      <c r="T24" s="336"/>
      <c r="U24" s="336"/>
      <c r="V24" s="336"/>
      <c r="W24" s="336"/>
      <c r="X24" s="336"/>
      <c r="Y24" s="336"/>
      <c r="Z24" s="336"/>
      <c r="AA24" s="336"/>
      <c r="AB24" s="336"/>
      <c r="AC24" s="336"/>
      <c r="AD24" s="336"/>
      <c r="AE24" s="336"/>
      <c r="AO24" s="81"/>
      <c r="AQ24" s="26" t="s">
        <v>1146</v>
      </c>
    </row>
    <row r="25" spans="1:43" ht="15.95" customHeight="1" x14ac:dyDescent="0.4">
      <c r="A25" s="475"/>
      <c r="B25" s="80"/>
      <c r="C25" s="632"/>
      <c r="D25" s="633"/>
      <c r="E25" s="633"/>
      <c r="F25" s="633"/>
      <c r="G25" s="633"/>
      <c r="H25" s="633"/>
      <c r="I25" s="633"/>
      <c r="J25" s="634"/>
      <c r="K25" s="336" t="s">
        <v>539</v>
      </c>
      <c r="L25" s="336"/>
      <c r="M25" s="336"/>
      <c r="N25" s="336"/>
      <c r="O25" s="336" t="s">
        <v>540</v>
      </c>
      <c r="P25" s="336"/>
      <c r="Q25" s="336"/>
      <c r="R25" s="336"/>
      <c r="S25" s="336"/>
      <c r="T25" s="336"/>
      <c r="U25" s="336"/>
      <c r="V25" s="336"/>
      <c r="W25" s="336"/>
      <c r="X25" s="336"/>
      <c r="Y25" s="336"/>
      <c r="Z25" s="336"/>
      <c r="AA25" s="336"/>
      <c r="AB25" s="336"/>
      <c r="AC25" s="336"/>
      <c r="AD25" s="336"/>
      <c r="AE25" s="336"/>
      <c r="AO25" s="81"/>
    </row>
    <row r="26" spans="1:43" ht="18" customHeight="1" x14ac:dyDescent="0.4">
      <c r="A26" s="475"/>
      <c r="B26" s="80"/>
      <c r="C26" s="594" t="s">
        <v>541</v>
      </c>
      <c r="D26" s="594"/>
      <c r="E26" s="594"/>
      <c r="F26" s="594"/>
      <c r="G26" s="594"/>
      <c r="H26" s="594"/>
      <c r="I26" s="594"/>
      <c r="J26" s="594"/>
      <c r="K26" s="625">
        <v>2</v>
      </c>
      <c r="L26" s="625"/>
      <c r="M26" s="625"/>
      <c r="N26" s="625"/>
      <c r="O26" s="625">
        <v>3</v>
      </c>
      <c r="P26" s="625"/>
      <c r="Q26" s="625"/>
      <c r="R26" s="625"/>
      <c r="S26" s="594" t="s">
        <v>1145</v>
      </c>
      <c r="T26" s="594"/>
      <c r="U26" s="594"/>
      <c r="V26" s="594"/>
      <c r="W26" s="594"/>
      <c r="X26" s="594"/>
      <c r="Y26" s="594"/>
      <c r="Z26" s="594"/>
      <c r="AA26" s="594"/>
      <c r="AB26" s="594"/>
      <c r="AC26" s="594"/>
      <c r="AD26" s="594"/>
      <c r="AE26" s="594"/>
      <c r="AO26" s="81"/>
    </row>
    <row r="27" spans="1:43" ht="18" customHeight="1" x14ac:dyDescent="0.4">
      <c r="A27" s="475"/>
      <c r="B27" s="80"/>
      <c r="C27" s="594"/>
      <c r="D27" s="594"/>
      <c r="E27" s="594"/>
      <c r="F27" s="594"/>
      <c r="G27" s="594"/>
      <c r="H27" s="594"/>
      <c r="I27" s="594"/>
      <c r="J27" s="594"/>
      <c r="K27" s="625"/>
      <c r="L27" s="625"/>
      <c r="M27" s="625"/>
      <c r="N27" s="625"/>
      <c r="O27" s="625"/>
      <c r="P27" s="625"/>
      <c r="Q27" s="625"/>
      <c r="R27" s="625"/>
      <c r="S27" s="594"/>
      <c r="T27" s="594"/>
      <c r="U27" s="594"/>
      <c r="V27" s="594"/>
      <c r="W27" s="594"/>
      <c r="X27" s="594"/>
      <c r="Y27" s="594"/>
      <c r="Z27" s="594"/>
      <c r="AA27" s="594"/>
      <c r="AB27" s="594"/>
      <c r="AC27" s="594"/>
      <c r="AD27" s="594"/>
      <c r="AE27" s="594"/>
      <c r="AO27" s="81"/>
    </row>
    <row r="28" spans="1:43" ht="18" customHeight="1" x14ac:dyDescent="0.4">
      <c r="A28" s="475"/>
      <c r="B28" s="80"/>
      <c r="C28" s="594"/>
      <c r="D28" s="594"/>
      <c r="E28" s="594"/>
      <c r="F28" s="594"/>
      <c r="G28" s="594"/>
      <c r="H28" s="594"/>
      <c r="I28" s="594"/>
      <c r="J28" s="594"/>
      <c r="K28" s="625"/>
      <c r="L28" s="625"/>
      <c r="M28" s="625"/>
      <c r="N28" s="625"/>
      <c r="O28" s="625"/>
      <c r="P28" s="625"/>
      <c r="Q28" s="625"/>
      <c r="R28" s="625"/>
      <c r="S28" s="594"/>
      <c r="T28" s="594"/>
      <c r="U28" s="594"/>
      <c r="V28" s="594"/>
      <c r="W28" s="594"/>
      <c r="X28" s="594"/>
      <c r="Y28" s="594"/>
      <c r="Z28" s="594"/>
      <c r="AA28" s="594"/>
      <c r="AB28" s="594"/>
      <c r="AC28" s="594"/>
      <c r="AD28" s="594"/>
      <c r="AE28" s="594"/>
      <c r="AO28" s="81"/>
    </row>
    <row r="29" spans="1:43" ht="18" customHeight="1" x14ac:dyDescent="0.4">
      <c r="A29" s="475"/>
      <c r="B29" s="80"/>
      <c r="C29" s="594"/>
      <c r="D29" s="594"/>
      <c r="E29" s="594"/>
      <c r="F29" s="594"/>
      <c r="G29" s="594"/>
      <c r="H29" s="594"/>
      <c r="I29" s="594"/>
      <c r="J29" s="594"/>
      <c r="K29" s="625"/>
      <c r="L29" s="625"/>
      <c r="M29" s="625"/>
      <c r="N29" s="625"/>
      <c r="O29" s="625"/>
      <c r="P29" s="625"/>
      <c r="Q29" s="625"/>
      <c r="R29" s="625"/>
      <c r="S29" s="594"/>
      <c r="T29" s="594"/>
      <c r="U29" s="594"/>
      <c r="V29" s="594"/>
      <c r="W29" s="594"/>
      <c r="X29" s="594"/>
      <c r="Y29" s="594"/>
      <c r="Z29" s="594"/>
      <c r="AA29" s="594"/>
      <c r="AB29" s="594"/>
      <c r="AC29" s="594"/>
      <c r="AD29" s="594"/>
      <c r="AE29" s="594"/>
      <c r="AO29" s="81"/>
    </row>
    <row r="30" spans="1:43" ht="18" customHeight="1" x14ac:dyDescent="0.4">
      <c r="A30" s="475"/>
      <c r="B30" s="80"/>
      <c r="C30" s="594"/>
      <c r="D30" s="594"/>
      <c r="E30" s="594"/>
      <c r="F30" s="594"/>
      <c r="G30" s="594"/>
      <c r="H30" s="594"/>
      <c r="I30" s="594"/>
      <c r="J30" s="594"/>
      <c r="K30" s="625"/>
      <c r="L30" s="625"/>
      <c r="M30" s="625"/>
      <c r="N30" s="625"/>
      <c r="O30" s="625"/>
      <c r="P30" s="625"/>
      <c r="Q30" s="625"/>
      <c r="R30" s="625"/>
      <c r="S30" s="594"/>
      <c r="T30" s="594"/>
      <c r="U30" s="594"/>
      <c r="V30" s="594"/>
      <c r="W30" s="594"/>
      <c r="X30" s="594"/>
      <c r="Y30" s="594"/>
      <c r="Z30" s="594"/>
      <c r="AA30" s="594"/>
      <c r="AB30" s="594"/>
      <c r="AC30" s="594"/>
      <c r="AD30" s="594"/>
      <c r="AE30" s="594"/>
      <c r="AO30" s="81"/>
    </row>
    <row r="31" spans="1:43" ht="18" hidden="1" customHeight="1" x14ac:dyDescent="0.4">
      <c r="A31" s="475"/>
      <c r="B31" s="80"/>
      <c r="C31" s="594"/>
      <c r="D31" s="594"/>
      <c r="E31" s="594"/>
      <c r="F31" s="594"/>
      <c r="G31" s="594"/>
      <c r="H31" s="594"/>
      <c r="I31" s="594"/>
      <c r="J31" s="594"/>
      <c r="K31" s="626"/>
      <c r="L31" s="626"/>
      <c r="M31" s="626"/>
      <c r="N31" s="626"/>
      <c r="O31" s="625"/>
      <c r="P31" s="625"/>
      <c r="Q31" s="625"/>
      <c r="R31" s="625"/>
      <c r="S31" s="594"/>
      <c r="T31" s="594"/>
      <c r="U31" s="594"/>
      <c r="V31" s="594"/>
      <c r="W31" s="594"/>
      <c r="X31" s="594"/>
      <c r="Y31" s="594"/>
      <c r="Z31" s="594"/>
      <c r="AA31" s="594"/>
      <c r="AB31" s="594"/>
      <c r="AC31" s="594"/>
      <c r="AD31" s="594"/>
      <c r="AE31" s="594"/>
      <c r="AO31" s="81"/>
    </row>
    <row r="32" spans="1:43" ht="18" hidden="1" customHeight="1" x14ac:dyDescent="0.4">
      <c r="A32" s="475"/>
      <c r="B32" s="80"/>
      <c r="C32" s="594"/>
      <c r="D32" s="594"/>
      <c r="E32" s="594"/>
      <c r="F32" s="594"/>
      <c r="G32" s="594"/>
      <c r="H32" s="594"/>
      <c r="I32" s="594"/>
      <c r="J32" s="594"/>
      <c r="K32" s="626"/>
      <c r="L32" s="626"/>
      <c r="M32" s="626"/>
      <c r="N32" s="626"/>
      <c r="O32" s="625"/>
      <c r="P32" s="625"/>
      <c r="Q32" s="625"/>
      <c r="R32" s="625"/>
      <c r="S32" s="594"/>
      <c r="T32" s="594"/>
      <c r="U32" s="594"/>
      <c r="V32" s="594"/>
      <c r="W32" s="594"/>
      <c r="X32" s="594"/>
      <c r="Y32" s="594"/>
      <c r="Z32" s="594"/>
      <c r="AA32" s="594"/>
      <c r="AB32" s="594"/>
      <c r="AC32" s="594"/>
      <c r="AD32" s="594"/>
      <c r="AE32" s="594"/>
      <c r="AO32" s="81"/>
    </row>
    <row r="33" spans="1:41" x14ac:dyDescent="0.4">
      <c r="A33" s="476"/>
      <c r="B33" s="18"/>
      <c r="C33" s="19"/>
      <c r="D33" s="19"/>
      <c r="E33" s="19"/>
      <c r="F33" s="19"/>
      <c r="G33" s="19"/>
      <c r="H33" s="19"/>
      <c r="I33" s="19"/>
      <c r="J33" s="19"/>
      <c r="K33" s="19"/>
      <c r="L33" s="19"/>
      <c r="M33" s="19"/>
      <c r="N33" s="19"/>
      <c r="O33" s="19"/>
      <c r="P33" s="19"/>
      <c r="Q33" s="19"/>
      <c r="R33" s="19"/>
      <c r="S33" s="19"/>
      <c r="T33" s="19"/>
      <c r="U33" s="19"/>
      <c r="V33" s="19"/>
      <c r="W33" s="19"/>
      <c r="X33" s="19"/>
      <c r="Y33" s="19"/>
      <c r="Z33" s="19"/>
      <c r="AA33" s="19"/>
      <c r="AB33" s="19"/>
      <c r="AC33" s="19"/>
      <c r="AD33" s="19"/>
      <c r="AE33" s="19"/>
      <c r="AF33" s="19"/>
      <c r="AG33" s="19"/>
      <c r="AH33" s="19"/>
      <c r="AI33" s="19"/>
      <c r="AJ33" s="19"/>
      <c r="AK33" s="19"/>
      <c r="AL33" s="19"/>
      <c r="AM33" s="19"/>
      <c r="AN33" s="19"/>
      <c r="AO33" s="82"/>
    </row>
    <row r="34" spans="1:41" hidden="1" x14ac:dyDescent="0.4">
      <c r="A34" s="473" t="s">
        <v>542</v>
      </c>
      <c r="B34" s="12"/>
      <c r="C34" s="13"/>
      <c r="D34" s="13"/>
      <c r="E34" s="13"/>
      <c r="F34" s="13"/>
      <c r="G34" s="13"/>
      <c r="H34" s="13"/>
      <c r="I34" s="13"/>
      <c r="J34" s="13"/>
      <c r="K34" s="13"/>
      <c r="L34" s="13"/>
      <c r="M34" s="13"/>
      <c r="N34" s="13"/>
      <c r="O34" s="13"/>
      <c r="P34" s="13"/>
      <c r="Q34" s="13"/>
      <c r="R34" s="13"/>
      <c r="S34" s="13"/>
      <c r="T34" s="13"/>
      <c r="U34" s="13"/>
      <c r="V34" s="13"/>
      <c r="W34" s="13"/>
      <c r="X34" s="13"/>
      <c r="Y34" s="13"/>
      <c r="Z34" s="13"/>
      <c r="AA34" s="13"/>
      <c r="AB34" s="13"/>
      <c r="AC34" s="13"/>
      <c r="AD34" s="13"/>
      <c r="AE34" s="13"/>
      <c r="AF34" s="13"/>
      <c r="AG34" s="13"/>
      <c r="AH34" s="13"/>
      <c r="AI34" s="13"/>
      <c r="AJ34" s="13"/>
      <c r="AK34" s="13"/>
      <c r="AL34" s="13"/>
      <c r="AM34" s="13"/>
      <c r="AN34" s="13"/>
      <c r="AO34" s="79"/>
    </row>
    <row r="35" spans="1:41" ht="15.95" hidden="1" customHeight="1" x14ac:dyDescent="0.4">
      <c r="A35" s="474"/>
      <c r="B35" s="80"/>
      <c r="C35" s="26" t="s">
        <v>543</v>
      </c>
      <c r="AO35" s="81"/>
    </row>
    <row r="36" spans="1:41" ht="18" hidden="1" customHeight="1" x14ac:dyDescent="0.4">
      <c r="A36" s="474"/>
      <c r="B36" s="80"/>
      <c r="C36" s="295" t="s">
        <v>544</v>
      </c>
      <c r="D36" s="295"/>
      <c r="E36" s="295"/>
      <c r="F36" s="511"/>
      <c r="G36" s="512"/>
      <c r="H36" s="512"/>
      <c r="I36" s="512"/>
      <c r="J36" s="512"/>
      <c r="K36" s="512"/>
      <c r="L36" s="512"/>
      <c r="M36" s="512"/>
      <c r="N36" s="512"/>
      <c r="O36" s="512"/>
      <c r="P36" s="512"/>
      <c r="Q36" s="512"/>
      <c r="R36" s="512"/>
      <c r="S36" s="512"/>
      <c r="T36" s="513"/>
      <c r="U36" s="80"/>
      <c r="AO36" s="81"/>
    </row>
    <row r="37" spans="1:41" ht="18" hidden="1" customHeight="1" x14ac:dyDescent="0.4">
      <c r="A37" s="474"/>
      <c r="B37" s="80"/>
      <c r="C37" s="295" t="s">
        <v>545</v>
      </c>
      <c r="D37" s="295"/>
      <c r="E37" s="295"/>
      <c r="F37" s="511"/>
      <c r="G37" s="512"/>
      <c r="H37" s="512"/>
      <c r="I37" s="512"/>
      <c r="J37" s="512"/>
      <c r="K37" s="512"/>
      <c r="L37" s="512"/>
      <c r="M37" s="512"/>
      <c r="N37" s="512"/>
      <c r="O37" s="512"/>
      <c r="P37" s="512"/>
      <c r="Q37" s="512"/>
      <c r="R37" s="512"/>
      <c r="S37" s="512"/>
      <c r="T37" s="513"/>
      <c r="U37" s="80"/>
      <c r="AO37" s="81"/>
    </row>
    <row r="38" spans="1:41" hidden="1" x14ac:dyDescent="0.4">
      <c r="A38" s="474"/>
      <c r="B38" s="80"/>
      <c r="AO38" s="81"/>
    </row>
    <row r="39" spans="1:41" hidden="1" x14ac:dyDescent="0.4">
      <c r="A39" s="474"/>
      <c r="B39" s="80"/>
      <c r="C39" s="26" t="s">
        <v>546</v>
      </c>
      <c r="AO39" s="81"/>
    </row>
    <row r="40" spans="1:41" hidden="1" x14ac:dyDescent="0.4">
      <c r="A40" s="474"/>
      <c r="B40" s="80"/>
      <c r="C40" s="26" t="s">
        <v>547</v>
      </c>
      <c r="AO40" s="81"/>
    </row>
    <row r="41" spans="1:41" ht="18" hidden="1" customHeight="1" x14ac:dyDescent="0.4">
      <c r="A41" s="474"/>
      <c r="B41" s="80"/>
      <c r="C41" s="402" t="s">
        <v>548</v>
      </c>
      <c r="D41" s="403"/>
      <c r="E41" s="403"/>
      <c r="F41" s="403"/>
      <c r="G41" s="403"/>
      <c r="H41" s="403"/>
      <c r="I41" s="403"/>
      <c r="J41" s="403"/>
      <c r="K41" s="403"/>
      <c r="L41" s="403"/>
      <c r="M41" s="403"/>
      <c r="N41" s="403"/>
      <c r="O41" s="403"/>
      <c r="P41" s="403"/>
      <c r="Q41" s="403"/>
      <c r="R41" s="403"/>
      <c r="S41" s="403"/>
      <c r="T41" s="403"/>
      <c r="U41" s="403"/>
      <c r="V41" s="403"/>
      <c r="W41" s="404"/>
      <c r="X41" s="170"/>
      <c r="Y41" s="172"/>
      <c r="Z41" s="172"/>
      <c r="AA41" s="172"/>
      <c r="AB41" s="172"/>
      <c r="AO41" s="81"/>
    </row>
    <row r="42" spans="1:41" ht="18" hidden="1" customHeight="1" x14ac:dyDescent="0.4">
      <c r="A42" s="474"/>
      <c r="B42" s="80"/>
      <c r="C42" s="487"/>
      <c r="D42" s="488"/>
      <c r="E42" s="488"/>
      <c r="F42" s="488"/>
      <c r="G42" s="488"/>
      <c r="H42" s="488"/>
      <c r="I42" s="488"/>
      <c r="J42" s="488"/>
      <c r="K42" s="488"/>
      <c r="L42" s="488"/>
      <c r="M42" s="488"/>
      <c r="N42" s="488"/>
      <c r="O42" s="488"/>
      <c r="P42" s="488"/>
      <c r="Q42" s="488"/>
      <c r="R42" s="488"/>
      <c r="S42" s="488"/>
      <c r="T42" s="488"/>
      <c r="U42" s="488"/>
      <c r="V42" s="488"/>
      <c r="W42" s="489"/>
      <c r="X42" s="170"/>
      <c r="Y42" s="172"/>
      <c r="Z42" s="172"/>
      <c r="AA42" s="172"/>
      <c r="AB42" s="172"/>
      <c r="AO42" s="81"/>
    </row>
    <row r="43" spans="1:41" ht="18" hidden="1" customHeight="1" x14ac:dyDescent="0.4">
      <c r="A43" s="474"/>
      <c r="B43" s="80"/>
      <c r="C43" s="487"/>
      <c r="D43" s="488"/>
      <c r="E43" s="488"/>
      <c r="F43" s="488"/>
      <c r="G43" s="488"/>
      <c r="H43" s="488"/>
      <c r="I43" s="488"/>
      <c r="J43" s="488"/>
      <c r="K43" s="488"/>
      <c r="L43" s="488"/>
      <c r="M43" s="488"/>
      <c r="N43" s="488"/>
      <c r="O43" s="488"/>
      <c r="P43" s="488"/>
      <c r="Q43" s="488"/>
      <c r="R43" s="488"/>
      <c r="S43" s="488"/>
      <c r="T43" s="488"/>
      <c r="U43" s="488"/>
      <c r="V43" s="488"/>
      <c r="W43" s="489"/>
      <c r="X43" s="170"/>
      <c r="Y43" s="172"/>
      <c r="Z43" s="172"/>
      <c r="AA43" s="172"/>
      <c r="AB43" s="172"/>
      <c r="AO43" s="81"/>
    </row>
    <row r="44" spans="1:41" ht="18" hidden="1" customHeight="1" x14ac:dyDescent="0.4">
      <c r="A44" s="474"/>
      <c r="B44" s="80"/>
      <c r="C44" s="490"/>
      <c r="D44" s="330"/>
      <c r="E44" s="330"/>
      <c r="F44" s="330"/>
      <c r="G44" s="330"/>
      <c r="H44" s="330"/>
      <c r="I44" s="330"/>
      <c r="J44" s="330"/>
      <c r="K44" s="330"/>
      <c r="L44" s="330"/>
      <c r="M44" s="330"/>
      <c r="N44" s="330"/>
      <c r="O44" s="330"/>
      <c r="P44" s="330"/>
      <c r="Q44" s="330"/>
      <c r="R44" s="330"/>
      <c r="S44" s="330"/>
      <c r="T44" s="330"/>
      <c r="U44" s="330"/>
      <c r="V44" s="330"/>
      <c r="W44" s="491"/>
      <c r="X44" s="170"/>
      <c r="Y44" s="172"/>
      <c r="Z44" s="172"/>
      <c r="AA44" s="172"/>
      <c r="AB44" s="172"/>
      <c r="AO44" s="81"/>
    </row>
    <row r="45" spans="1:41" hidden="1" x14ac:dyDescent="0.4">
      <c r="A45" s="477"/>
      <c r="B45" s="18"/>
      <c r="C45" s="19"/>
      <c r="D45" s="19"/>
      <c r="E45" s="19"/>
      <c r="F45" s="19"/>
      <c r="G45" s="19"/>
      <c r="H45" s="19"/>
      <c r="I45" s="19"/>
      <c r="J45" s="19"/>
      <c r="K45" s="19"/>
      <c r="L45" s="19"/>
      <c r="M45" s="19"/>
      <c r="N45" s="19"/>
      <c r="O45" s="19"/>
      <c r="P45" s="19"/>
      <c r="Q45" s="19"/>
      <c r="R45" s="19"/>
      <c r="S45" s="19"/>
      <c r="T45" s="19"/>
      <c r="U45" s="19"/>
      <c r="V45" s="19"/>
      <c r="W45" s="19"/>
      <c r="X45" s="19"/>
      <c r="Y45" s="19"/>
      <c r="Z45" s="19"/>
      <c r="AA45" s="19"/>
      <c r="AB45" s="19"/>
      <c r="AC45" s="19"/>
      <c r="AD45" s="19"/>
      <c r="AE45" s="19"/>
      <c r="AF45" s="19"/>
      <c r="AG45" s="19"/>
      <c r="AH45" s="19"/>
      <c r="AI45" s="19"/>
      <c r="AJ45" s="19"/>
      <c r="AK45" s="19"/>
      <c r="AL45" s="19"/>
      <c r="AM45" s="19"/>
      <c r="AN45" s="19"/>
      <c r="AO45" s="82"/>
    </row>
    <row r="46" spans="1:41" ht="18" customHeight="1" x14ac:dyDescent="0.4">
      <c r="A46" s="492" t="s">
        <v>1000</v>
      </c>
      <c r="B46" s="12"/>
      <c r="C46" s="13"/>
      <c r="D46" s="13"/>
      <c r="E46" s="13"/>
      <c r="F46" s="13"/>
      <c r="G46" s="13"/>
      <c r="H46" s="13"/>
      <c r="I46" s="13"/>
      <c r="J46" s="13"/>
      <c r="K46" s="13"/>
      <c r="L46" s="13"/>
      <c r="M46" s="13"/>
      <c r="N46" s="13"/>
      <c r="O46" s="13"/>
      <c r="P46" s="13"/>
      <c r="Q46" s="13"/>
      <c r="R46" s="13"/>
      <c r="S46" s="13"/>
      <c r="T46" s="13"/>
      <c r="U46" s="13"/>
      <c r="V46" s="13"/>
      <c r="W46" s="13"/>
      <c r="X46" s="13"/>
      <c r="Y46" s="13"/>
      <c r="Z46" s="13"/>
      <c r="AA46" s="13"/>
      <c r="AB46" s="13"/>
      <c r="AC46" s="13"/>
      <c r="AD46" s="13"/>
      <c r="AE46" s="13"/>
      <c r="AF46" s="13"/>
      <c r="AG46" s="13"/>
      <c r="AH46" s="13"/>
      <c r="AI46" s="13"/>
      <c r="AJ46" s="13"/>
      <c r="AK46" s="13"/>
      <c r="AL46" s="13"/>
      <c r="AM46" s="13"/>
      <c r="AN46" s="13"/>
      <c r="AO46" s="79"/>
    </row>
    <row r="47" spans="1:41" ht="18" customHeight="1" x14ac:dyDescent="0.4">
      <c r="A47" s="492"/>
      <c r="B47" s="80"/>
      <c r="C47" s="295" t="s">
        <v>549</v>
      </c>
      <c r="D47" s="295"/>
      <c r="E47" s="295"/>
      <c r="F47" s="295"/>
      <c r="G47" s="295"/>
      <c r="H47" s="295"/>
      <c r="I47" s="295" t="s">
        <v>550</v>
      </c>
      <c r="J47" s="295"/>
      <c r="K47" s="295"/>
      <c r="L47" s="295"/>
      <c r="M47" s="295"/>
      <c r="N47" s="295"/>
      <c r="O47" s="295" t="s">
        <v>551</v>
      </c>
      <c r="P47" s="295"/>
      <c r="Q47" s="295"/>
      <c r="R47" s="295"/>
      <c r="S47" s="295"/>
      <c r="T47" s="295"/>
      <c r="AO47" s="81"/>
    </row>
    <row r="48" spans="1:41" ht="18" customHeight="1" x14ac:dyDescent="0.4">
      <c r="A48" s="492"/>
      <c r="B48" s="80"/>
      <c r="C48" s="620" t="s">
        <v>552</v>
      </c>
      <c r="D48" s="620"/>
      <c r="E48" s="620"/>
      <c r="F48" s="620"/>
      <c r="G48" s="620"/>
      <c r="H48" s="620"/>
      <c r="I48" s="620" t="s">
        <v>552</v>
      </c>
      <c r="J48" s="620"/>
      <c r="K48" s="620"/>
      <c r="L48" s="620"/>
      <c r="M48" s="620"/>
      <c r="N48" s="620"/>
      <c r="O48" s="620" t="s">
        <v>552</v>
      </c>
      <c r="P48" s="620"/>
      <c r="Q48" s="620"/>
      <c r="R48" s="620"/>
      <c r="S48" s="620"/>
      <c r="T48" s="620"/>
      <c r="AO48" s="81"/>
    </row>
    <row r="49" spans="1:41" ht="18" customHeight="1" x14ac:dyDescent="0.4">
      <c r="A49" s="492"/>
      <c r="B49" s="80"/>
      <c r="C49" s="26" t="s">
        <v>553</v>
      </c>
      <c r="AO49" s="81"/>
    </row>
    <row r="50" spans="1:41" ht="18" customHeight="1" x14ac:dyDescent="0.4">
      <c r="A50" s="492"/>
      <c r="B50" s="80"/>
      <c r="C50" s="562"/>
      <c r="D50" s="562"/>
      <c r="E50" s="562"/>
      <c r="F50" s="562"/>
      <c r="G50" s="562"/>
      <c r="H50" s="562"/>
      <c r="I50" s="562"/>
      <c r="J50" s="562"/>
      <c r="K50" s="562"/>
      <c r="L50" s="562"/>
      <c r="M50" s="562"/>
      <c r="N50" s="562"/>
      <c r="O50" s="562"/>
      <c r="P50" s="562"/>
      <c r="Q50" s="562"/>
      <c r="R50" s="562"/>
      <c r="S50" s="562"/>
      <c r="T50" s="621"/>
      <c r="AO50" s="81"/>
    </row>
    <row r="51" spans="1:41" ht="18" customHeight="1" x14ac:dyDescent="0.4">
      <c r="A51" s="492"/>
      <c r="B51" s="80"/>
      <c r="C51" s="562"/>
      <c r="D51" s="562"/>
      <c r="E51" s="562"/>
      <c r="F51" s="562"/>
      <c r="G51" s="562"/>
      <c r="H51" s="562"/>
      <c r="I51" s="562"/>
      <c r="J51" s="562"/>
      <c r="K51" s="562"/>
      <c r="L51" s="562"/>
      <c r="M51" s="562"/>
      <c r="N51" s="562"/>
      <c r="O51" s="562"/>
      <c r="P51" s="562"/>
      <c r="Q51" s="562"/>
      <c r="R51" s="562"/>
      <c r="S51" s="562"/>
      <c r="T51" s="621"/>
      <c r="AO51" s="81"/>
    </row>
    <row r="52" spans="1:41" ht="18" customHeight="1" x14ac:dyDescent="0.4">
      <c r="A52" s="492"/>
      <c r="B52" s="18"/>
      <c r="C52" s="19"/>
      <c r="D52" s="19"/>
      <c r="E52" s="19"/>
      <c r="F52" s="19"/>
      <c r="G52" s="19"/>
      <c r="H52" s="19"/>
      <c r="I52" s="19"/>
      <c r="J52" s="19"/>
      <c r="K52" s="19"/>
      <c r="L52" s="19"/>
      <c r="M52" s="19"/>
      <c r="N52" s="19"/>
      <c r="O52" s="19"/>
      <c r="P52" s="19"/>
      <c r="Q52" s="19"/>
      <c r="R52" s="19"/>
      <c r="S52" s="19"/>
      <c r="T52" s="19"/>
      <c r="U52" s="19"/>
      <c r="V52" s="19"/>
      <c r="W52" s="19"/>
      <c r="X52" s="19"/>
      <c r="Y52" s="19"/>
      <c r="Z52" s="19"/>
      <c r="AA52" s="19"/>
      <c r="AB52" s="19"/>
      <c r="AC52" s="19"/>
      <c r="AD52" s="19"/>
      <c r="AE52" s="19"/>
      <c r="AF52" s="19"/>
      <c r="AG52" s="19"/>
      <c r="AH52" s="19"/>
      <c r="AI52" s="19"/>
      <c r="AJ52" s="19"/>
      <c r="AK52" s="19"/>
      <c r="AL52" s="19"/>
      <c r="AM52" s="19"/>
      <c r="AN52" s="19"/>
      <c r="AO52" s="82"/>
    </row>
    <row r="53" spans="1:41" ht="18" customHeight="1" x14ac:dyDescent="0.4">
      <c r="A53" s="473" t="s">
        <v>1001</v>
      </c>
      <c r="B53" s="12"/>
      <c r="C53" s="13"/>
      <c r="D53" s="13"/>
      <c r="E53" s="13"/>
      <c r="F53" s="13"/>
      <c r="G53" s="13"/>
      <c r="H53" s="13"/>
      <c r="I53" s="13"/>
      <c r="J53" s="13"/>
      <c r="K53" s="13"/>
      <c r="L53" s="13"/>
      <c r="M53" s="13"/>
      <c r="N53" s="13"/>
      <c r="O53" s="13"/>
      <c r="P53" s="13"/>
      <c r="Q53" s="13"/>
      <c r="R53" s="13"/>
      <c r="S53" s="13"/>
      <c r="T53" s="13"/>
      <c r="U53" s="13"/>
      <c r="V53" s="13"/>
      <c r="W53" s="13"/>
      <c r="X53" s="13"/>
      <c r="Y53" s="13"/>
      <c r="Z53" s="13"/>
      <c r="AA53" s="13"/>
      <c r="AB53" s="13"/>
      <c r="AC53" s="13"/>
      <c r="AD53" s="13"/>
      <c r="AE53" s="13"/>
      <c r="AF53" s="13"/>
      <c r="AG53" s="13"/>
      <c r="AH53" s="13"/>
      <c r="AI53" s="13"/>
      <c r="AJ53" s="13"/>
      <c r="AK53" s="13"/>
      <c r="AL53" s="13"/>
      <c r="AM53" s="13"/>
      <c r="AN53" s="13"/>
      <c r="AO53" s="79"/>
    </row>
    <row r="54" spans="1:41" ht="18" customHeight="1" x14ac:dyDescent="0.4">
      <c r="A54" s="474"/>
      <c r="B54" s="80"/>
      <c r="C54" s="26" t="s">
        <v>554</v>
      </c>
      <c r="AO54" s="81"/>
    </row>
    <row r="55" spans="1:41" ht="18" customHeight="1" x14ac:dyDescent="0.4">
      <c r="A55" s="474"/>
      <c r="B55" s="80"/>
      <c r="C55" s="514"/>
      <c r="D55" s="514"/>
      <c r="E55" s="514"/>
      <c r="F55" s="514"/>
      <c r="G55" s="514"/>
      <c r="H55" s="514"/>
      <c r="I55" s="514"/>
      <c r="J55" s="514"/>
      <c r="K55" s="514"/>
      <c r="L55" s="514"/>
      <c r="M55" s="514"/>
      <c r="N55" s="514"/>
      <c r="O55" s="514"/>
      <c r="P55" s="514"/>
      <c r="Q55" s="514"/>
      <c r="R55" s="514"/>
      <c r="S55" s="514"/>
      <c r="T55" s="514"/>
      <c r="U55" s="514"/>
      <c r="V55" s="514"/>
      <c r="W55" s="514"/>
      <c r="X55" s="514"/>
      <c r="Y55" s="170"/>
      <c r="Z55" s="172"/>
      <c r="AO55" s="81"/>
    </row>
    <row r="56" spans="1:41" ht="18" customHeight="1" x14ac:dyDescent="0.4">
      <c r="A56" s="474"/>
      <c r="B56" s="80"/>
      <c r="C56" s="514"/>
      <c r="D56" s="514"/>
      <c r="E56" s="514"/>
      <c r="F56" s="514"/>
      <c r="G56" s="514"/>
      <c r="H56" s="514"/>
      <c r="I56" s="514"/>
      <c r="J56" s="514"/>
      <c r="K56" s="514"/>
      <c r="L56" s="514"/>
      <c r="M56" s="514"/>
      <c r="N56" s="514"/>
      <c r="O56" s="514"/>
      <c r="P56" s="514"/>
      <c r="Q56" s="514"/>
      <c r="R56" s="514"/>
      <c r="S56" s="514"/>
      <c r="T56" s="514"/>
      <c r="U56" s="514"/>
      <c r="V56" s="514"/>
      <c r="W56" s="514"/>
      <c r="X56" s="514"/>
      <c r="Y56" s="170"/>
      <c r="Z56" s="172"/>
      <c r="AO56" s="81"/>
    </row>
    <row r="57" spans="1:41" ht="18" customHeight="1" x14ac:dyDescent="0.4">
      <c r="A57" s="474"/>
      <c r="B57" s="80"/>
      <c r="C57" s="514"/>
      <c r="D57" s="514"/>
      <c r="E57" s="514"/>
      <c r="F57" s="514"/>
      <c r="G57" s="514"/>
      <c r="H57" s="514"/>
      <c r="I57" s="514"/>
      <c r="J57" s="514"/>
      <c r="K57" s="514"/>
      <c r="L57" s="514"/>
      <c r="M57" s="514"/>
      <c r="N57" s="514"/>
      <c r="O57" s="514"/>
      <c r="P57" s="514"/>
      <c r="Q57" s="514"/>
      <c r="R57" s="514"/>
      <c r="S57" s="514"/>
      <c r="T57" s="514"/>
      <c r="U57" s="514"/>
      <c r="V57" s="514"/>
      <c r="W57" s="514"/>
      <c r="X57" s="514"/>
      <c r="Y57" s="170"/>
      <c r="Z57" s="172"/>
      <c r="AO57" s="81"/>
    </row>
    <row r="58" spans="1:41" ht="18" customHeight="1" x14ac:dyDescent="0.4">
      <c r="A58" s="474"/>
      <c r="B58" s="80"/>
      <c r="C58" s="514"/>
      <c r="D58" s="514"/>
      <c r="E58" s="514"/>
      <c r="F58" s="514"/>
      <c r="G58" s="514"/>
      <c r="H58" s="514"/>
      <c r="I58" s="514"/>
      <c r="J58" s="514"/>
      <c r="K58" s="514"/>
      <c r="L58" s="514"/>
      <c r="M58" s="514"/>
      <c r="N58" s="514"/>
      <c r="O58" s="514"/>
      <c r="P58" s="514"/>
      <c r="Q58" s="514"/>
      <c r="R58" s="514"/>
      <c r="S58" s="514"/>
      <c r="T58" s="514"/>
      <c r="U58" s="514"/>
      <c r="V58" s="514"/>
      <c r="W58" s="514"/>
      <c r="X58" s="514"/>
      <c r="Y58" s="170"/>
      <c r="Z58" s="172"/>
      <c r="AO58" s="81"/>
    </row>
    <row r="59" spans="1:41" ht="18" customHeight="1" x14ac:dyDescent="0.4">
      <c r="A59" s="477"/>
      <c r="B59" s="18"/>
      <c r="C59" s="19"/>
      <c r="D59" s="19"/>
      <c r="E59" s="19"/>
      <c r="F59" s="19"/>
      <c r="G59" s="19"/>
      <c r="H59" s="19"/>
      <c r="I59" s="19"/>
      <c r="J59" s="19"/>
      <c r="K59" s="19"/>
      <c r="L59" s="19"/>
      <c r="M59" s="19"/>
      <c r="N59" s="19"/>
      <c r="O59" s="19"/>
      <c r="P59" s="19"/>
      <c r="Q59" s="19"/>
      <c r="R59" s="19"/>
      <c r="S59" s="19"/>
      <c r="T59" s="19"/>
      <c r="U59" s="19"/>
      <c r="V59" s="19"/>
      <c r="W59" s="19"/>
      <c r="X59" s="19"/>
      <c r="Y59" s="19"/>
      <c r="Z59" s="19"/>
      <c r="AA59" s="19"/>
      <c r="AB59" s="19"/>
      <c r="AC59" s="19"/>
      <c r="AD59" s="19"/>
      <c r="AE59" s="19"/>
      <c r="AF59" s="19"/>
      <c r="AG59" s="19"/>
      <c r="AH59" s="19"/>
      <c r="AI59" s="19"/>
      <c r="AJ59" s="19"/>
      <c r="AK59" s="19"/>
      <c r="AL59" s="19"/>
      <c r="AM59" s="19"/>
      <c r="AN59" s="19"/>
      <c r="AO59" s="82"/>
    </row>
    <row r="60" spans="1:41" ht="18" customHeight="1" x14ac:dyDescent="0.4">
      <c r="A60" s="473" t="s">
        <v>555</v>
      </c>
      <c r="B60" s="12"/>
      <c r="C60" s="13"/>
      <c r="D60" s="13"/>
      <c r="E60" s="13"/>
      <c r="F60" s="13"/>
      <c r="G60" s="13"/>
      <c r="H60" s="13"/>
      <c r="I60" s="13"/>
      <c r="J60" s="13"/>
      <c r="K60" s="13"/>
      <c r="L60" s="13"/>
      <c r="M60" s="13"/>
      <c r="N60" s="13"/>
      <c r="O60" s="13"/>
      <c r="P60" s="13"/>
      <c r="Q60" s="13"/>
      <c r="R60" s="13"/>
      <c r="S60" s="13"/>
      <c r="T60" s="13"/>
      <c r="U60" s="13"/>
      <c r="V60" s="13"/>
      <c r="W60" s="13"/>
      <c r="X60" s="13"/>
      <c r="Y60" s="13"/>
      <c r="Z60" s="13"/>
      <c r="AA60" s="13"/>
      <c r="AB60" s="13"/>
      <c r="AC60" s="13"/>
      <c r="AD60" s="13"/>
      <c r="AE60" s="13"/>
      <c r="AF60" s="13"/>
      <c r="AG60" s="13"/>
      <c r="AH60" s="13"/>
      <c r="AI60" s="13"/>
      <c r="AJ60" s="13"/>
      <c r="AK60" s="13"/>
      <c r="AL60" s="13"/>
      <c r="AM60" s="13"/>
      <c r="AN60" s="13"/>
      <c r="AO60" s="79"/>
    </row>
    <row r="61" spans="1:41" ht="18" customHeight="1" x14ac:dyDescent="0.4">
      <c r="A61" s="474"/>
      <c r="B61" s="80"/>
      <c r="C61" s="26" t="s">
        <v>556</v>
      </c>
      <c r="AO61" s="81"/>
    </row>
    <row r="62" spans="1:41" ht="18" customHeight="1" x14ac:dyDescent="0.4">
      <c r="A62" s="474"/>
      <c r="B62" s="80"/>
      <c r="C62" s="608"/>
      <c r="D62" s="609"/>
      <c r="E62" s="609"/>
      <c r="F62" s="609"/>
      <c r="G62" s="609"/>
      <c r="H62" s="609"/>
      <c r="I62" s="609"/>
      <c r="J62" s="609"/>
      <c r="K62" s="609"/>
      <c r="L62" s="609"/>
      <c r="M62" s="609"/>
      <c r="N62" s="609"/>
      <c r="O62" s="609"/>
      <c r="P62" s="609"/>
      <c r="Q62" s="609"/>
      <c r="R62" s="609"/>
      <c r="S62" s="609"/>
      <c r="T62" s="609"/>
      <c r="U62" s="609"/>
      <c r="V62" s="609"/>
      <c r="W62" s="609"/>
      <c r="X62" s="609"/>
      <c r="Y62" s="170"/>
      <c r="Z62" s="172"/>
      <c r="AO62" s="81"/>
    </row>
    <row r="63" spans="1:41" ht="18" customHeight="1" x14ac:dyDescent="0.4">
      <c r="A63" s="474"/>
      <c r="B63" s="80"/>
      <c r="C63" s="623"/>
      <c r="D63" s="624"/>
      <c r="E63" s="624"/>
      <c r="F63" s="624"/>
      <c r="G63" s="624"/>
      <c r="H63" s="624"/>
      <c r="I63" s="624"/>
      <c r="J63" s="624"/>
      <c r="K63" s="624"/>
      <c r="L63" s="624"/>
      <c r="M63" s="624"/>
      <c r="N63" s="624"/>
      <c r="O63" s="624"/>
      <c r="P63" s="624"/>
      <c r="Q63" s="624"/>
      <c r="R63" s="624"/>
      <c r="S63" s="624"/>
      <c r="T63" s="624"/>
      <c r="U63" s="624"/>
      <c r="V63" s="624"/>
      <c r="W63" s="624"/>
      <c r="X63" s="624"/>
      <c r="Y63" s="170"/>
      <c r="Z63" s="172"/>
      <c r="AO63" s="81"/>
    </row>
    <row r="64" spans="1:41" ht="18" customHeight="1" x14ac:dyDescent="0.4">
      <c r="A64" s="474"/>
      <c r="B64" s="80"/>
      <c r="C64" s="623"/>
      <c r="D64" s="624"/>
      <c r="E64" s="624"/>
      <c r="F64" s="624"/>
      <c r="G64" s="624"/>
      <c r="H64" s="624"/>
      <c r="I64" s="624"/>
      <c r="J64" s="624"/>
      <c r="K64" s="624"/>
      <c r="L64" s="624"/>
      <c r="M64" s="624"/>
      <c r="N64" s="624"/>
      <c r="O64" s="624"/>
      <c r="P64" s="624"/>
      <c r="Q64" s="624"/>
      <c r="R64" s="624"/>
      <c r="S64" s="624"/>
      <c r="T64" s="624"/>
      <c r="U64" s="624"/>
      <c r="V64" s="624"/>
      <c r="W64" s="624"/>
      <c r="X64" s="624"/>
      <c r="Y64" s="170"/>
      <c r="Z64" s="172"/>
      <c r="AO64" s="81"/>
    </row>
    <row r="65" spans="1:41" ht="18" customHeight="1" x14ac:dyDescent="0.4">
      <c r="A65" s="474"/>
      <c r="B65" s="80"/>
      <c r="C65" s="611"/>
      <c r="D65" s="612"/>
      <c r="E65" s="612"/>
      <c r="F65" s="612"/>
      <c r="G65" s="612"/>
      <c r="H65" s="612"/>
      <c r="I65" s="612"/>
      <c r="J65" s="612"/>
      <c r="K65" s="612"/>
      <c r="L65" s="612"/>
      <c r="M65" s="612"/>
      <c r="N65" s="612"/>
      <c r="O65" s="612"/>
      <c r="P65" s="612"/>
      <c r="Q65" s="612"/>
      <c r="R65" s="612"/>
      <c r="S65" s="612"/>
      <c r="T65" s="612"/>
      <c r="U65" s="612"/>
      <c r="V65" s="612"/>
      <c r="W65" s="612"/>
      <c r="X65" s="612"/>
      <c r="Y65" s="170"/>
      <c r="Z65" s="172"/>
      <c r="AO65" s="81"/>
    </row>
    <row r="66" spans="1:41" ht="18" customHeight="1" x14ac:dyDescent="0.4">
      <c r="A66" s="477"/>
      <c r="B66" s="18"/>
      <c r="C66" s="19"/>
      <c r="D66" s="19"/>
      <c r="E66" s="19"/>
      <c r="F66" s="19"/>
      <c r="G66" s="19"/>
      <c r="H66" s="19"/>
      <c r="I66" s="19"/>
      <c r="J66" s="19"/>
      <c r="K66" s="19"/>
      <c r="L66" s="19"/>
      <c r="M66" s="19"/>
      <c r="N66" s="19"/>
      <c r="O66" s="19"/>
      <c r="P66" s="19"/>
      <c r="Q66" s="19"/>
      <c r="R66" s="19"/>
      <c r="S66" s="19"/>
      <c r="T66" s="19"/>
      <c r="U66" s="19"/>
      <c r="V66" s="19"/>
      <c r="W66" s="19"/>
      <c r="X66" s="19"/>
      <c r="Y66" s="19"/>
      <c r="Z66" s="19"/>
      <c r="AA66" s="19"/>
      <c r="AB66" s="19"/>
      <c r="AC66" s="19"/>
      <c r="AD66" s="19"/>
      <c r="AE66" s="19"/>
      <c r="AF66" s="19"/>
      <c r="AG66" s="19"/>
      <c r="AH66" s="19"/>
      <c r="AI66" s="19"/>
      <c r="AJ66" s="19"/>
      <c r="AK66" s="19"/>
      <c r="AL66" s="19"/>
      <c r="AM66" s="19"/>
      <c r="AN66" s="19"/>
      <c r="AO66" s="82"/>
    </row>
    <row r="67" spans="1:41" ht="18" customHeight="1" x14ac:dyDescent="0.4">
      <c r="A67" s="492" t="s">
        <v>1002</v>
      </c>
      <c r="B67" s="12"/>
      <c r="C67" s="13"/>
      <c r="D67" s="13"/>
      <c r="E67" s="13"/>
      <c r="F67" s="13"/>
      <c r="G67" s="13"/>
      <c r="H67" s="13"/>
      <c r="I67" s="13"/>
      <c r="J67" s="13"/>
      <c r="K67" s="13"/>
      <c r="L67" s="13"/>
      <c r="M67" s="13"/>
      <c r="N67" s="13"/>
      <c r="O67" s="13"/>
      <c r="P67" s="13"/>
      <c r="Q67" s="13"/>
      <c r="R67" s="13"/>
      <c r="S67" s="13"/>
      <c r="T67" s="13"/>
      <c r="U67" s="13"/>
      <c r="V67" s="13"/>
      <c r="W67" s="13"/>
      <c r="X67" s="13"/>
      <c r="Y67" s="13"/>
      <c r="Z67" s="13"/>
      <c r="AA67" s="13"/>
      <c r="AB67" s="13"/>
      <c r="AC67" s="13"/>
      <c r="AD67" s="13"/>
      <c r="AE67" s="13"/>
      <c r="AF67" s="13"/>
      <c r="AG67" s="13"/>
      <c r="AH67" s="13"/>
      <c r="AI67" s="13"/>
      <c r="AJ67" s="13"/>
      <c r="AK67" s="13"/>
      <c r="AL67" s="13"/>
      <c r="AM67" s="13"/>
      <c r="AN67" s="13"/>
      <c r="AO67" s="79"/>
    </row>
    <row r="68" spans="1:41" ht="18" customHeight="1" x14ac:dyDescent="0.4">
      <c r="A68" s="492"/>
      <c r="B68" s="80"/>
      <c r="C68" s="26" t="s">
        <v>557</v>
      </c>
      <c r="AO68" s="81"/>
    </row>
    <row r="69" spans="1:41" ht="18" customHeight="1" x14ac:dyDescent="0.4">
      <c r="A69" s="492"/>
      <c r="B69" s="80"/>
      <c r="C69" s="540" t="s">
        <v>558</v>
      </c>
      <c r="D69" s="541"/>
      <c r="E69" s="541"/>
      <c r="F69" s="542"/>
      <c r="G69" s="540" t="s">
        <v>559</v>
      </c>
      <c r="H69" s="541"/>
      <c r="I69" s="541"/>
      <c r="J69" s="541"/>
      <c r="K69" s="541"/>
      <c r="L69" s="541"/>
      <c r="M69" s="541"/>
      <c r="N69" s="542"/>
      <c r="O69" s="540" t="s">
        <v>560</v>
      </c>
      <c r="P69" s="541"/>
      <c r="Q69" s="541"/>
      <c r="R69" s="541"/>
      <c r="S69" s="541"/>
      <c r="T69" s="541"/>
      <c r="U69" s="542"/>
      <c r="V69" s="574" t="s">
        <v>561</v>
      </c>
      <c r="W69" s="574"/>
      <c r="X69" s="574"/>
      <c r="Y69" s="574"/>
      <c r="AO69" s="81"/>
    </row>
    <row r="70" spans="1:41" ht="36" customHeight="1" x14ac:dyDescent="0.4">
      <c r="A70" s="492"/>
      <c r="B70" s="80"/>
      <c r="C70" s="615" t="s">
        <v>562</v>
      </c>
      <c r="D70" s="616"/>
      <c r="E70" s="616"/>
      <c r="F70" s="617"/>
      <c r="G70" s="540"/>
      <c r="H70" s="541"/>
      <c r="I70" s="541"/>
      <c r="J70" s="541"/>
      <c r="K70" s="541"/>
      <c r="L70" s="541"/>
      <c r="M70" s="541"/>
      <c r="N70" s="542"/>
      <c r="O70" s="540"/>
      <c r="P70" s="541"/>
      <c r="Q70" s="541"/>
      <c r="R70" s="541"/>
      <c r="S70" s="541"/>
      <c r="T70" s="541"/>
      <c r="U70" s="542"/>
      <c r="V70" s="622" t="s">
        <v>552</v>
      </c>
      <c r="W70" s="622"/>
      <c r="X70" s="622"/>
      <c r="Y70" s="622"/>
      <c r="AO70" s="81"/>
    </row>
    <row r="71" spans="1:41" ht="18" customHeight="1" x14ac:dyDescent="0.4">
      <c r="A71" s="492"/>
      <c r="B71" s="80"/>
      <c r="AO71" s="81"/>
    </row>
    <row r="72" spans="1:41" ht="18" customHeight="1" x14ac:dyDescent="0.4">
      <c r="A72" s="492"/>
      <c r="B72" s="18"/>
      <c r="C72" s="19"/>
      <c r="D72" s="19"/>
      <c r="E72" s="19"/>
      <c r="F72" s="19"/>
      <c r="G72" s="19"/>
      <c r="H72" s="19"/>
      <c r="I72" s="19"/>
      <c r="J72" s="19"/>
      <c r="K72" s="19"/>
      <c r="L72" s="19"/>
      <c r="M72" s="19"/>
      <c r="N72" s="19"/>
      <c r="O72" s="19"/>
      <c r="P72" s="19"/>
      <c r="Q72" s="19"/>
      <c r="R72" s="19"/>
      <c r="S72" s="19"/>
      <c r="T72" s="19"/>
      <c r="U72" s="19"/>
      <c r="V72" s="19"/>
      <c r="W72" s="19"/>
      <c r="X72" s="19"/>
      <c r="Y72" s="19"/>
      <c r="Z72" s="19"/>
      <c r="AA72" s="19"/>
      <c r="AB72" s="19"/>
      <c r="AC72" s="19"/>
      <c r="AD72" s="19"/>
      <c r="AE72" s="19"/>
      <c r="AF72" s="19"/>
      <c r="AG72" s="19"/>
      <c r="AH72" s="19"/>
      <c r="AI72" s="19"/>
      <c r="AJ72" s="19"/>
      <c r="AK72" s="19"/>
      <c r="AL72" s="19"/>
      <c r="AM72" s="19"/>
      <c r="AN72" s="19"/>
      <c r="AO72" s="82"/>
    </row>
    <row r="73" spans="1:41" ht="18" customHeight="1" x14ac:dyDescent="0.4">
      <c r="A73" s="473" t="s">
        <v>1004</v>
      </c>
      <c r="B73" s="12"/>
      <c r="C73" s="13"/>
      <c r="D73" s="13"/>
      <c r="E73" s="13"/>
      <c r="F73" s="13"/>
      <c r="G73" s="13"/>
      <c r="H73" s="13"/>
      <c r="I73" s="13"/>
      <c r="J73" s="13"/>
      <c r="K73" s="13"/>
      <c r="L73" s="13"/>
      <c r="M73" s="13"/>
      <c r="N73" s="13"/>
      <c r="O73" s="13"/>
      <c r="P73" s="13"/>
      <c r="Q73" s="13"/>
      <c r="R73" s="13"/>
      <c r="S73" s="13"/>
      <c r="T73" s="13"/>
      <c r="U73" s="13"/>
      <c r="V73" s="13"/>
      <c r="W73" s="13"/>
      <c r="X73" s="13"/>
      <c r="Y73" s="13"/>
      <c r="Z73" s="13"/>
      <c r="AA73" s="13"/>
      <c r="AB73" s="13"/>
      <c r="AC73" s="13"/>
      <c r="AD73" s="13"/>
      <c r="AE73" s="13"/>
      <c r="AF73" s="13"/>
      <c r="AG73" s="13"/>
      <c r="AH73" s="13"/>
      <c r="AI73" s="13"/>
      <c r="AJ73" s="13"/>
      <c r="AK73" s="13"/>
      <c r="AL73" s="13"/>
      <c r="AM73" s="13"/>
      <c r="AN73" s="13"/>
      <c r="AO73" s="79"/>
    </row>
    <row r="74" spans="1:41" ht="18" customHeight="1" x14ac:dyDescent="0.4">
      <c r="A74" s="474"/>
      <c r="B74" s="80"/>
      <c r="C74" s="26" t="s">
        <v>563</v>
      </c>
      <c r="AO74" s="81"/>
    </row>
    <row r="75" spans="1:41" ht="18" customHeight="1" x14ac:dyDescent="0.4">
      <c r="A75" s="474"/>
      <c r="B75" s="80"/>
      <c r="C75" s="618"/>
      <c r="D75" s="619"/>
      <c r="E75" s="619"/>
      <c r="F75" s="619"/>
      <c r="G75" s="619"/>
      <c r="H75" s="619"/>
      <c r="I75" s="619"/>
      <c r="J75" s="619"/>
      <c r="K75" s="619"/>
      <c r="L75" s="619"/>
      <c r="M75" s="619"/>
      <c r="N75" s="619"/>
      <c r="O75" s="619"/>
      <c r="P75" s="619"/>
      <c r="Q75" s="619"/>
      <c r="R75" s="619"/>
      <c r="S75" s="619"/>
      <c r="T75" s="619"/>
      <c r="U75" s="619"/>
      <c r="V75" s="619"/>
      <c r="W75" s="619"/>
      <c r="X75" s="619"/>
      <c r="Y75" s="619"/>
      <c r="Z75" s="80"/>
      <c r="AO75" s="81"/>
    </row>
    <row r="76" spans="1:41" ht="18" customHeight="1" x14ac:dyDescent="0.4">
      <c r="A76" s="474"/>
      <c r="B76" s="80"/>
      <c r="C76" s="358"/>
      <c r="D76" s="359"/>
      <c r="E76" s="359"/>
      <c r="F76" s="359"/>
      <c r="G76" s="359"/>
      <c r="H76" s="359"/>
      <c r="I76" s="359"/>
      <c r="J76" s="359"/>
      <c r="K76" s="359"/>
      <c r="L76" s="359"/>
      <c r="M76" s="359"/>
      <c r="N76" s="359"/>
      <c r="O76" s="359"/>
      <c r="P76" s="359"/>
      <c r="Q76" s="359"/>
      <c r="R76" s="359"/>
      <c r="S76" s="359"/>
      <c r="T76" s="359"/>
      <c r="U76" s="359"/>
      <c r="V76" s="359"/>
      <c r="W76" s="359"/>
      <c r="X76" s="359"/>
      <c r="Y76" s="359"/>
      <c r="Z76" s="80"/>
      <c r="AO76" s="81"/>
    </row>
    <row r="77" spans="1:41" ht="18" customHeight="1" x14ac:dyDescent="0.4">
      <c r="A77" s="474"/>
      <c r="B77" s="80"/>
      <c r="C77" s="358"/>
      <c r="D77" s="359"/>
      <c r="E77" s="359"/>
      <c r="F77" s="359"/>
      <c r="G77" s="359"/>
      <c r="H77" s="359"/>
      <c r="I77" s="359"/>
      <c r="J77" s="359"/>
      <c r="K77" s="359"/>
      <c r="L77" s="359"/>
      <c r="M77" s="359"/>
      <c r="N77" s="359"/>
      <c r="O77" s="359"/>
      <c r="P77" s="359"/>
      <c r="Q77" s="359"/>
      <c r="R77" s="359"/>
      <c r="S77" s="359"/>
      <c r="T77" s="359"/>
      <c r="U77" s="359"/>
      <c r="V77" s="359"/>
      <c r="W77" s="359"/>
      <c r="X77" s="359"/>
      <c r="Y77" s="359"/>
      <c r="Z77" s="80"/>
      <c r="AO77" s="81"/>
    </row>
    <row r="78" spans="1:41" ht="18" customHeight="1" x14ac:dyDescent="0.4">
      <c r="A78" s="474"/>
      <c r="B78" s="80"/>
      <c r="C78" s="361"/>
      <c r="D78" s="362"/>
      <c r="E78" s="362"/>
      <c r="F78" s="362"/>
      <c r="G78" s="362"/>
      <c r="H78" s="362"/>
      <c r="I78" s="362"/>
      <c r="J78" s="362"/>
      <c r="K78" s="362"/>
      <c r="L78" s="362"/>
      <c r="M78" s="362"/>
      <c r="N78" s="362"/>
      <c r="O78" s="362"/>
      <c r="P78" s="362"/>
      <c r="Q78" s="362"/>
      <c r="R78" s="362"/>
      <c r="S78" s="362"/>
      <c r="T78" s="362"/>
      <c r="U78" s="362"/>
      <c r="V78" s="362"/>
      <c r="W78" s="362"/>
      <c r="X78" s="362"/>
      <c r="Y78" s="362"/>
      <c r="Z78" s="80"/>
      <c r="AO78" s="81"/>
    </row>
    <row r="79" spans="1:41" ht="18" customHeight="1" x14ac:dyDescent="0.4">
      <c r="A79" s="477"/>
      <c r="B79" s="18"/>
      <c r="C79" s="19"/>
      <c r="D79" s="19"/>
      <c r="E79" s="19"/>
      <c r="F79" s="19"/>
      <c r="G79" s="19"/>
      <c r="H79" s="19"/>
      <c r="I79" s="19"/>
      <c r="J79" s="19"/>
      <c r="K79" s="19"/>
      <c r="L79" s="19"/>
      <c r="M79" s="19"/>
      <c r="N79" s="19"/>
      <c r="O79" s="19"/>
      <c r="P79" s="19"/>
      <c r="Q79" s="19"/>
      <c r="R79" s="19"/>
      <c r="S79" s="19"/>
      <c r="T79" s="19"/>
      <c r="U79" s="19"/>
      <c r="V79" s="19"/>
      <c r="W79" s="19"/>
      <c r="X79" s="19"/>
      <c r="Y79" s="19"/>
      <c r="Z79" s="19"/>
      <c r="AA79" s="19"/>
      <c r="AB79" s="19"/>
      <c r="AC79" s="19"/>
      <c r="AD79" s="19"/>
      <c r="AE79" s="19"/>
      <c r="AF79" s="19"/>
      <c r="AG79" s="19"/>
      <c r="AH79" s="19"/>
      <c r="AI79" s="19"/>
      <c r="AJ79" s="19"/>
      <c r="AK79" s="19"/>
      <c r="AL79" s="19"/>
      <c r="AM79" s="19"/>
      <c r="AN79" s="19"/>
      <c r="AO79" s="82"/>
    </row>
    <row r="80" spans="1:41" ht="18" customHeight="1" x14ac:dyDescent="0.4">
      <c r="A80" s="473" t="s">
        <v>1003</v>
      </c>
      <c r="B80" s="12"/>
      <c r="C80" s="13"/>
      <c r="D80" s="13"/>
      <c r="E80" s="13"/>
      <c r="F80" s="13"/>
      <c r="G80" s="13"/>
      <c r="H80" s="13"/>
      <c r="I80" s="13"/>
      <c r="J80" s="13"/>
      <c r="K80" s="13"/>
      <c r="L80" s="13"/>
      <c r="M80" s="13"/>
      <c r="N80" s="13"/>
      <c r="O80" s="13"/>
      <c r="P80" s="13"/>
      <c r="Q80" s="13"/>
      <c r="R80" s="13"/>
      <c r="S80" s="13"/>
      <c r="T80" s="13"/>
      <c r="U80" s="13"/>
      <c r="V80" s="13"/>
      <c r="W80" s="13"/>
      <c r="X80" s="13"/>
      <c r="Y80" s="13"/>
      <c r="Z80" s="13"/>
      <c r="AA80" s="13"/>
      <c r="AB80" s="13"/>
      <c r="AC80" s="13"/>
      <c r="AD80" s="13"/>
      <c r="AE80" s="13"/>
      <c r="AF80" s="13"/>
      <c r="AG80" s="13"/>
      <c r="AH80" s="13"/>
      <c r="AI80" s="13"/>
      <c r="AJ80" s="13"/>
      <c r="AK80" s="13"/>
      <c r="AL80" s="13"/>
      <c r="AM80" s="13"/>
      <c r="AN80" s="13"/>
      <c r="AO80" s="79"/>
    </row>
    <row r="81" spans="1:41" ht="18" customHeight="1" x14ac:dyDescent="0.4">
      <c r="A81" s="474"/>
      <c r="B81" s="80"/>
      <c r="C81" s="295" t="s">
        <v>564</v>
      </c>
      <c r="D81" s="295"/>
      <c r="E81" s="295"/>
      <c r="F81" s="295"/>
      <c r="G81" s="295"/>
      <c r="H81" s="295" t="s">
        <v>565</v>
      </c>
      <c r="I81" s="295"/>
      <c r="J81" s="295"/>
      <c r="K81" s="295"/>
      <c r="L81" s="295"/>
      <c r="M81" s="295"/>
      <c r="N81" s="295"/>
      <c r="O81" s="295" t="s">
        <v>522</v>
      </c>
      <c r="P81" s="295"/>
      <c r="Q81" s="295"/>
      <c r="R81" s="295"/>
      <c r="S81" s="295"/>
      <c r="T81" s="295" t="s">
        <v>566</v>
      </c>
      <c r="U81" s="295"/>
      <c r="V81" s="295"/>
      <c r="W81" s="295"/>
      <c r="X81" s="295"/>
      <c r="Y81" s="295"/>
      <c r="AO81" s="81"/>
    </row>
    <row r="82" spans="1:41" ht="18" customHeight="1" x14ac:dyDescent="0.4">
      <c r="A82" s="474"/>
      <c r="B82" s="80"/>
      <c r="C82" s="295" t="s">
        <v>567</v>
      </c>
      <c r="D82" s="295"/>
      <c r="E82" s="295"/>
      <c r="F82" s="295"/>
      <c r="G82" s="295"/>
      <c r="H82" s="295"/>
      <c r="I82" s="295"/>
      <c r="J82" s="295"/>
      <c r="K82" s="295"/>
      <c r="L82" s="295"/>
      <c r="M82" s="295"/>
      <c r="N82" s="295"/>
      <c r="O82" s="295" t="s">
        <v>568</v>
      </c>
      <c r="P82" s="295"/>
      <c r="Q82" s="295"/>
      <c r="R82" s="295"/>
      <c r="S82" s="295"/>
      <c r="T82" s="295" t="s">
        <v>569</v>
      </c>
      <c r="U82" s="295"/>
      <c r="V82" s="295"/>
      <c r="W82" s="295"/>
      <c r="X82" s="295"/>
      <c r="Y82" s="295"/>
      <c r="AO82" s="81"/>
    </row>
    <row r="83" spans="1:41" ht="18" customHeight="1" x14ac:dyDescent="0.4">
      <c r="A83" s="474"/>
      <c r="B83" s="80"/>
      <c r="C83" s="614"/>
      <c r="D83" s="614"/>
      <c r="E83" s="614"/>
      <c r="F83" s="614"/>
      <c r="G83" s="614"/>
      <c r="H83" s="502"/>
      <c r="I83" s="502"/>
      <c r="J83" s="502"/>
      <c r="K83" s="502"/>
      <c r="L83" s="502"/>
      <c r="M83" s="502"/>
      <c r="N83" s="502"/>
      <c r="O83" s="295"/>
      <c r="P83" s="295"/>
      <c r="Q83" s="295"/>
      <c r="R83" s="295"/>
      <c r="S83" s="295"/>
      <c r="T83" s="614"/>
      <c r="U83" s="614"/>
      <c r="V83" s="614"/>
      <c r="W83" s="614"/>
      <c r="X83" s="614"/>
      <c r="Y83" s="614"/>
      <c r="AO83" s="81"/>
    </row>
    <row r="84" spans="1:41" ht="18" customHeight="1" x14ac:dyDescent="0.4">
      <c r="A84" s="474"/>
      <c r="B84" s="80"/>
      <c r="C84" s="340"/>
      <c r="D84" s="340"/>
      <c r="E84" s="340"/>
      <c r="F84" s="340"/>
      <c r="G84" s="340"/>
      <c r="H84" s="502"/>
      <c r="I84" s="502"/>
      <c r="J84" s="502"/>
      <c r="K84" s="502"/>
      <c r="L84" s="502"/>
      <c r="M84" s="502"/>
      <c r="N84" s="502"/>
      <c r="O84" s="295"/>
      <c r="P84" s="295"/>
      <c r="Q84" s="295"/>
      <c r="R84" s="295"/>
      <c r="S84" s="295"/>
      <c r="T84" s="340"/>
      <c r="U84" s="340"/>
      <c r="V84" s="340"/>
      <c r="W84" s="340"/>
      <c r="X84" s="340"/>
      <c r="Y84" s="340"/>
      <c r="AO84" s="81"/>
    </row>
    <row r="85" spans="1:41" ht="18" customHeight="1" x14ac:dyDescent="0.4">
      <c r="A85" s="474"/>
      <c r="B85" s="80"/>
      <c r="C85" s="614"/>
      <c r="D85" s="614"/>
      <c r="E85" s="614"/>
      <c r="F85" s="614"/>
      <c r="G85" s="614"/>
      <c r="H85" s="502"/>
      <c r="I85" s="502"/>
      <c r="J85" s="502"/>
      <c r="K85" s="502"/>
      <c r="L85" s="502"/>
      <c r="M85" s="502"/>
      <c r="N85" s="502"/>
      <c r="O85" s="295"/>
      <c r="P85" s="295"/>
      <c r="Q85" s="295"/>
      <c r="R85" s="295"/>
      <c r="S85" s="295"/>
      <c r="T85" s="614"/>
      <c r="U85" s="614"/>
      <c r="V85" s="614"/>
      <c r="W85" s="614"/>
      <c r="X85" s="614"/>
      <c r="Y85" s="614"/>
      <c r="AO85" s="81"/>
    </row>
    <row r="86" spans="1:41" ht="18" customHeight="1" x14ac:dyDescent="0.4">
      <c r="A86" s="474"/>
      <c r="B86" s="80"/>
      <c r="C86" s="340"/>
      <c r="D86" s="340"/>
      <c r="E86" s="340"/>
      <c r="F86" s="340"/>
      <c r="G86" s="340"/>
      <c r="H86" s="502"/>
      <c r="I86" s="502"/>
      <c r="J86" s="502"/>
      <c r="K86" s="502"/>
      <c r="L86" s="502"/>
      <c r="M86" s="502"/>
      <c r="N86" s="502"/>
      <c r="O86" s="295"/>
      <c r="P86" s="295"/>
      <c r="Q86" s="295"/>
      <c r="R86" s="295"/>
      <c r="S86" s="295"/>
      <c r="T86" s="340"/>
      <c r="U86" s="340"/>
      <c r="V86" s="340"/>
      <c r="W86" s="340"/>
      <c r="X86" s="340"/>
      <c r="Y86" s="340"/>
      <c r="AO86" s="81"/>
    </row>
    <row r="87" spans="1:41" ht="18" customHeight="1" x14ac:dyDescent="0.4">
      <c r="A87" s="474"/>
      <c r="B87" s="80"/>
      <c r="C87" s="614"/>
      <c r="D87" s="614"/>
      <c r="E87" s="614"/>
      <c r="F87" s="614"/>
      <c r="G87" s="614"/>
      <c r="H87" s="502"/>
      <c r="I87" s="502"/>
      <c r="J87" s="502"/>
      <c r="K87" s="502"/>
      <c r="L87" s="502"/>
      <c r="M87" s="502"/>
      <c r="N87" s="502"/>
      <c r="O87" s="295"/>
      <c r="P87" s="295"/>
      <c r="Q87" s="295"/>
      <c r="R87" s="295"/>
      <c r="S87" s="295"/>
      <c r="T87" s="614"/>
      <c r="U87" s="614"/>
      <c r="V87" s="614"/>
      <c r="W87" s="614"/>
      <c r="X87" s="614"/>
      <c r="Y87" s="614"/>
      <c r="AO87" s="81"/>
    </row>
    <row r="88" spans="1:41" ht="18" customHeight="1" x14ac:dyDescent="0.4">
      <c r="A88" s="474"/>
      <c r="B88" s="80"/>
      <c r="C88" s="340"/>
      <c r="D88" s="340"/>
      <c r="E88" s="340"/>
      <c r="F88" s="340"/>
      <c r="G88" s="340"/>
      <c r="H88" s="502"/>
      <c r="I88" s="502"/>
      <c r="J88" s="502"/>
      <c r="K88" s="502"/>
      <c r="L88" s="502"/>
      <c r="M88" s="502"/>
      <c r="N88" s="502"/>
      <c r="O88" s="295"/>
      <c r="P88" s="295"/>
      <c r="Q88" s="295"/>
      <c r="R88" s="295"/>
      <c r="S88" s="295"/>
      <c r="T88" s="340"/>
      <c r="U88" s="340"/>
      <c r="V88" s="340"/>
      <c r="W88" s="340"/>
      <c r="X88" s="340"/>
      <c r="Y88" s="340"/>
      <c r="AO88" s="81"/>
    </row>
    <row r="89" spans="1:41" ht="18" customHeight="1" x14ac:dyDescent="0.4">
      <c r="A89" s="474"/>
      <c r="B89" s="80"/>
      <c r="C89" s="614"/>
      <c r="D89" s="614"/>
      <c r="E89" s="614"/>
      <c r="F89" s="614"/>
      <c r="G89" s="614"/>
      <c r="H89" s="502"/>
      <c r="I89" s="502"/>
      <c r="J89" s="502"/>
      <c r="K89" s="502"/>
      <c r="L89" s="502"/>
      <c r="M89" s="502"/>
      <c r="N89" s="502"/>
      <c r="O89" s="295"/>
      <c r="P89" s="295"/>
      <c r="Q89" s="295"/>
      <c r="R89" s="295"/>
      <c r="S89" s="295"/>
      <c r="T89" s="614"/>
      <c r="U89" s="614"/>
      <c r="V89" s="614"/>
      <c r="W89" s="614"/>
      <c r="X89" s="614"/>
      <c r="Y89" s="614"/>
      <c r="AO89" s="81"/>
    </row>
    <row r="90" spans="1:41" ht="18" customHeight="1" x14ac:dyDescent="0.4">
      <c r="A90" s="474"/>
      <c r="B90" s="80"/>
      <c r="C90" s="340"/>
      <c r="D90" s="340"/>
      <c r="E90" s="340"/>
      <c r="F90" s="340"/>
      <c r="G90" s="340"/>
      <c r="H90" s="502"/>
      <c r="I90" s="502"/>
      <c r="J90" s="502"/>
      <c r="K90" s="502"/>
      <c r="L90" s="502"/>
      <c r="M90" s="502"/>
      <c r="N90" s="502"/>
      <c r="O90" s="295"/>
      <c r="P90" s="295"/>
      <c r="Q90" s="295"/>
      <c r="R90" s="295"/>
      <c r="S90" s="295"/>
      <c r="T90" s="340"/>
      <c r="U90" s="340"/>
      <c r="V90" s="340"/>
      <c r="W90" s="340"/>
      <c r="X90" s="340"/>
      <c r="Y90" s="340"/>
      <c r="AO90" s="81"/>
    </row>
    <row r="91" spans="1:41" ht="18" customHeight="1" x14ac:dyDescent="0.4">
      <c r="A91" s="477"/>
      <c r="B91" s="18"/>
      <c r="C91" s="19"/>
      <c r="D91" s="19"/>
      <c r="E91" s="19"/>
      <c r="F91" s="19"/>
      <c r="G91" s="19"/>
      <c r="H91" s="19"/>
      <c r="I91" s="19"/>
      <c r="J91" s="19"/>
      <c r="K91" s="19"/>
      <c r="L91" s="19"/>
      <c r="M91" s="19"/>
      <c r="N91" s="19"/>
      <c r="O91" s="19"/>
      <c r="P91" s="19"/>
      <c r="Q91" s="19"/>
      <c r="R91" s="19"/>
      <c r="S91" s="19"/>
      <c r="T91" s="19"/>
      <c r="U91" s="19"/>
      <c r="V91" s="19"/>
      <c r="W91" s="19"/>
      <c r="X91" s="19"/>
      <c r="Y91" s="19"/>
      <c r="Z91" s="19"/>
      <c r="AA91" s="19"/>
      <c r="AB91" s="19"/>
      <c r="AC91" s="19"/>
      <c r="AD91" s="19"/>
      <c r="AE91" s="19"/>
      <c r="AF91" s="19"/>
      <c r="AG91" s="19"/>
      <c r="AH91" s="19"/>
      <c r="AI91" s="19"/>
      <c r="AJ91" s="19"/>
      <c r="AK91" s="19"/>
      <c r="AL91" s="19"/>
      <c r="AM91" s="19"/>
      <c r="AN91" s="19"/>
      <c r="AO91" s="82"/>
    </row>
    <row r="92" spans="1:41" ht="18" customHeight="1" x14ac:dyDescent="0.4">
      <c r="A92" s="473" t="s">
        <v>570</v>
      </c>
      <c r="B92" s="12"/>
      <c r="C92" s="13"/>
      <c r="D92" s="13"/>
      <c r="E92" s="13"/>
      <c r="F92" s="13"/>
      <c r="G92" s="13"/>
      <c r="H92" s="13"/>
      <c r="I92" s="13"/>
      <c r="J92" s="13"/>
      <c r="K92" s="13"/>
      <c r="L92" s="13"/>
      <c r="M92" s="13"/>
      <c r="N92" s="13"/>
      <c r="O92" s="13"/>
      <c r="P92" s="13"/>
      <c r="Q92" s="13"/>
      <c r="R92" s="13"/>
      <c r="S92" s="13"/>
      <c r="T92" s="13"/>
      <c r="U92" s="13"/>
      <c r="V92" s="13"/>
      <c r="W92" s="13"/>
      <c r="X92" s="13"/>
      <c r="Y92" s="13"/>
      <c r="Z92" s="13"/>
      <c r="AA92" s="13"/>
      <c r="AB92" s="13"/>
      <c r="AC92" s="13"/>
      <c r="AD92" s="13"/>
      <c r="AE92" s="13"/>
      <c r="AF92" s="13"/>
      <c r="AG92" s="13"/>
      <c r="AH92" s="13"/>
      <c r="AI92" s="13"/>
      <c r="AJ92" s="13"/>
      <c r="AK92" s="13"/>
      <c r="AL92" s="13"/>
      <c r="AM92" s="13"/>
      <c r="AN92" s="13"/>
      <c r="AO92" s="79"/>
    </row>
    <row r="93" spans="1:41" ht="18" customHeight="1" x14ac:dyDescent="0.4">
      <c r="A93" s="474"/>
      <c r="B93" s="80"/>
      <c r="C93" s="26" t="s">
        <v>571</v>
      </c>
      <c r="AO93" s="81"/>
    </row>
    <row r="94" spans="1:41" ht="18" customHeight="1" x14ac:dyDescent="0.4">
      <c r="A94" s="474"/>
      <c r="B94" s="80"/>
      <c r="C94" s="295"/>
      <c r="D94" s="295"/>
      <c r="E94" s="295"/>
      <c r="F94" s="295"/>
      <c r="G94" s="295"/>
      <c r="H94" s="295"/>
      <c r="I94" s="295"/>
      <c r="J94" s="295"/>
      <c r="K94" s="295"/>
      <c r="L94" s="295"/>
      <c r="M94" s="295"/>
      <c r="N94" s="295"/>
      <c r="O94" s="295"/>
      <c r="P94" s="295"/>
      <c r="Q94" s="295"/>
      <c r="R94" s="295"/>
      <c r="S94" s="295"/>
      <c r="T94" s="295"/>
      <c r="U94" s="295"/>
      <c r="V94" s="295"/>
      <c r="W94" s="295"/>
      <c r="X94" s="295"/>
      <c r="Y94" s="295"/>
      <c r="Z94" s="80"/>
      <c r="AO94" s="81"/>
    </row>
    <row r="95" spans="1:41" ht="18" customHeight="1" x14ac:dyDescent="0.4">
      <c r="A95" s="474"/>
      <c r="B95" s="80"/>
      <c r="C95" s="295"/>
      <c r="D95" s="295"/>
      <c r="E95" s="295"/>
      <c r="F95" s="295"/>
      <c r="G95" s="295"/>
      <c r="H95" s="295"/>
      <c r="I95" s="295"/>
      <c r="J95" s="295"/>
      <c r="K95" s="295"/>
      <c r="L95" s="295"/>
      <c r="M95" s="295"/>
      <c r="N95" s="295"/>
      <c r="O95" s="295"/>
      <c r="P95" s="295"/>
      <c r="Q95" s="295"/>
      <c r="R95" s="295"/>
      <c r="S95" s="295"/>
      <c r="T95" s="295"/>
      <c r="U95" s="295"/>
      <c r="V95" s="295"/>
      <c r="W95" s="295"/>
      <c r="X95" s="295"/>
      <c r="Y95" s="295"/>
      <c r="Z95" s="80"/>
      <c r="AO95" s="81"/>
    </row>
    <row r="96" spans="1:41" ht="18" customHeight="1" x14ac:dyDescent="0.4">
      <c r="A96" s="474"/>
      <c r="B96" s="80"/>
      <c r="C96" s="295"/>
      <c r="D96" s="295"/>
      <c r="E96" s="295"/>
      <c r="F96" s="295"/>
      <c r="G96" s="295"/>
      <c r="H96" s="295"/>
      <c r="I96" s="295"/>
      <c r="J96" s="295"/>
      <c r="K96" s="295"/>
      <c r="L96" s="295"/>
      <c r="M96" s="295"/>
      <c r="N96" s="295"/>
      <c r="O96" s="295"/>
      <c r="P96" s="295"/>
      <c r="Q96" s="295"/>
      <c r="R96" s="295"/>
      <c r="S96" s="295"/>
      <c r="T96" s="295"/>
      <c r="U96" s="295"/>
      <c r="V96" s="295"/>
      <c r="W96" s="295"/>
      <c r="X96" s="295"/>
      <c r="Y96" s="295"/>
      <c r="Z96" s="80"/>
      <c r="AO96" s="81"/>
    </row>
    <row r="97" spans="1:41" ht="18" customHeight="1" x14ac:dyDescent="0.4">
      <c r="A97" s="474"/>
      <c r="B97" s="80"/>
      <c r="C97" s="295"/>
      <c r="D97" s="295"/>
      <c r="E97" s="295"/>
      <c r="F97" s="295"/>
      <c r="G97" s="295"/>
      <c r="H97" s="295"/>
      <c r="I97" s="295"/>
      <c r="J97" s="295"/>
      <c r="K97" s="295"/>
      <c r="L97" s="295"/>
      <c r="M97" s="295"/>
      <c r="N97" s="295"/>
      <c r="O97" s="295"/>
      <c r="P97" s="295"/>
      <c r="Q97" s="295"/>
      <c r="R97" s="295"/>
      <c r="S97" s="295"/>
      <c r="T97" s="295"/>
      <c r="U97" s="295"/>
      <c r="V97" s="295"/>
      <c r="W97" s="295"/>
      <c r="X97" s="295"/>
      <c r="Y97" s="295"/>
      <c r="Z97" s="80"/>
      <c r="AO97" s="81"/>
    </row>
    <row r="98" spans="1:41" ht="18" customHeight="1" x14ac:dyDescent="0.4">
      <c r="A98" s="477"/>
      <c r="B98" s="18"/>
      <c r="C98" s="19"/>
      <c r="D98" s="19"/>
      <c r="E98" s="19"/>
      <c r="F98" s="19"/>
      <c r="G98" s="19"/>
      <c r="H98" s="19"/>
      <c r="I98" s="19"/>
      <c r="J98" s="19"/>
      <c r="K98" s="19"/>
      <c r="L98" s="19"/>
      <c r="M98" s="19"/>
      <c r="N98" s="19"/>
      <c r="O98" s="19"/>
      <c r="P98" s="19"/>
      <c r="Q98" s="19"/>
      <c r="R98" s="19"/>
      <c r="S98" s="19"/>
      <c r="T98" s="19"/>
      <c r="U98" s="19"/>
      <c r="V98" s="19"/>
      <c r="W98" s="19"/>
      <c r="X98" s="19"/>
      <c r="Y98" s="19"/>
      <c r="Z98" s="19"/>
      <c r="AA98" s="19"/>
      <c r="AB98" s="19"/>
      <c r="AC98" s="19"/>
      <c r="AD98" s="19"/>
      <c r="AE98" s="19"/>
      <c r="AF98" s="19"/>
      <c r="AG98" s="19"/>
      <c r="AH98" s="19"/>
      <c r="AI98" s="19"/>
      <c r="AJ98" s="19"/>
      <c r="AK98" s="19"/>
      <c r="AL98" s="19"/>
      <c r="AM98" s="19"/>
      <c r="AN98" s="19"/>
      <c r="AO98" s="82"/>
    </row>
    <row r="99" spans="1:41" ht="18" customHeight="1" x14ac:dyDescent="0.4">
      <c r="A99" s="473" t="s">
        <v>572</v>
      </c>
      <c r="B99" s="12"/>
      <c r="C99" s="13"/>
      <c r="D99" s="13"/>
      <c r="E99" s="13"/>
      <c r="F99" s="13"/>
      <c r="G99" s="13"/>
      <c r="H99" s="13"/>
      <c r="I99" s="13"/>
      <c r="J99" s="13"/>
      <c r="K99" s="13"/>
      <c r="L99" s="13"/>
      <c r="M99" s="13"/>
      <c r="N99" s="13"/>
      <c r="O99" s="13"/>
      <c r="P99" s="13"/>
      <c r="Q99" s="13"/>
      <c r="R99" s="13"/>
      <c r="S99" s="13"/>
      <c r="T99" s="13"/>
      <c r="U99" s="13"/>
      <c r="V99" s="13"/>
      <c r="W99" s="13"/>
      <c r="X99" s="13"/>
      <c r="Y99" s="13"/>
      <c r="Z99" s="13"/>
      <c r="AA99" s="13"/>
      <c r="AB99" s="13"/>
      <c r="AC99" s="13"/>
      <c r="AD99" s="13"/>
      <c r="AE99" s="13"/>
      <c r="AF99" s="13"/>
      <c r="AG99" s="13"/>
      <c r="AH99" s="13"/>
      <c r="AI99" s="13"/>
      <c r="AJ99" s="13"/>
      <c r="AK99" s="13"/>
      <c r="AL99" s="13"/>
      <c r="AM99" s="13"/>
      <c r="AN99" s="13"/>
      <c r="AO99" s="79"/>
    </row>
    <row r="100" spans="1:41" ht="18" customHeight="1" x14ac:dyDescent="0.4">
      <c r="A100" s="474"/>
      <c r="B100" s="80"/>
      <c r="C100" s="26" t="s">
        <v>291</v>
      </c>
      <c r="AO100" s="81"/>
    </row>
    <row r="101" spans="1:41" ht="18" customHeight="1" x14ac:dyDescent="0.4">
      <c r="A101" s="474"/>
      <c r="B101" s="80"/>
      <c r="C101" s="295"/>
      <c r="D101" s="295"/>
      <c r="E101" s="295"/>
      <c r="F101" s="295"/>
      <c r="G101" s="295"/>
      <c r="H101" s="295"/>
      <c r="I101" s="295"/>
      <c r="J101" s="295"/>
      <c r="K101" s="295"/>
      <c r="L101" s="295"/>
      <c r="M101" s="295"/>
      <c r="N101" s="295"/>
      <c r="O101" s="295"/>
      <c r="P101" s="295"/>
      <c r="Q101" s="295"/>
      <c r="R101" s="295"/>
      <c r="S101" s="295"/>
      <c r="T101" s="295"/>
      <c r="U101" s="295"/>
      <c r="V101" s="295"/>
      <c r="W101" s="295"/>
      <c r="X101" s="295"/>
      <c r="Y101" s="295"/>
      <c r="Z101" s="80"/>
      <c r="AO101" s="81"/>
    </row>
    <row r="102" spans="1:41" ht="18" customHeight="1" x14ac:dyDescent="0.4">
      <c r="A102" s="474"/>
      <c r="B102" s="80"/>
      <c r="C102" s="295"/>
      <c r="D102" s="295"/>
      <c r="E102" s="295"/>
      <c r="F102" s="295"/>
      <c r="G102" s="295"/>
      <c r="H102" s="295"/>
      <c r="I102" s="295"/>
      <c r="J102" s="295"/>
      <c r="K102" s="295"/>
      <c r="L102" s="295"/>
      <c r="M102" s="295"/>
      <c r="N102" s="295"/>
      <c r="O102" s="295"/>
      <c r="P102" s="295"/>
      <c r="Q102" s="295"/>
      <c r="R102" s="295"/>
      <c r="S102" s="295"/>
      <c r="T102" s="295"/>
      <c r="U102" s="295"/>
      <c r="V102" s="295"/>
      <c r="W102" s="295"/>
      <c r="X102" s="295"/>
      <c r="Y102" s="295"/>
      <c r="Z102" s="80"/>
      <c r="AO102" s="81"/>
    </row>
    <row r="103" spans="1:41" ht="18" customHeight="1" x14ac:dyDescent="0.4">
      <c r="A103" s="474"/>
      <c r="B103" s="80"/>
      <c r="C103" s="295"/>
      <c r="D103" s="295"/>
      <c r="E103" s="295"/>
      <c r="F103" s="295"/>
      <c r="G103" s="295"/>
      <c r="H103" s="295"/>
      <c r="I103" s="295"/>
      <c r="J103" s="295"/>
      <c r="K103" s="295"/>
      <c r="L103" s="295"/>
      <c r="M103" s="295"/>
      <c r="N103" s="295"/>
      <c r="O103" s="295"/>
      <c r="P103" s="295"/>
      <c r="Q103" s="295"/>
      <c r="R103" s="295"/>
      <c r="S103" s="295"/>
      <c r="T103" s="295"/>
      <c r="U103" s="295"/>
      <c r="V103" s="295"/>
      <c r="W103" s="295"/>
      <c r="X103" s="295"/>
      <c r="Y103" s="295"/>
      <c r="Z103" s="80"/>
      <c r="AO103" s="81"/>
    </row>
    <row r="104" spans="1:41" ht="18" customHeight="1" x14ac:dyDescent="0.4">
      <c r="A104" s="474"/>
      <c r="B104" s="80"/>
      <c r="C104" s="295"/>
      <c r="D104" s="295"/>
      <c r="E104" s="295"/>
      <c r="F104" s="295"/>
      <c r="G104" s="295"/>
      <c r="H104" s="295"/>
      <c r="I104" s="295"/>
      <c r="J104" s="295"/>
      <c r="K104" s="295"/>
      <c r="L104" s="295"/>
      <c r="M104" s="295"/>
      <c r="N104" s="295"/>
      <c r="O104" s="295"/>
      <c r="P104" s="295"/>
      <c r="Q104" s="295"/>
      <c r="R104" s="295"/>
      <c r="S104" s="295"/>
      <c r="T104" s="295"/>
      <c r="U104" s="295"/>
      <c r="V104" s="295"/>
      <c r="W104" s="295"/>
      <c r="X104" s="295"/>
      <c r="Y104" s="295"/>
      <c r="Z104" s="80"/>
      <c r="AO104" s="81"/>
    </row>
    <row r="105" spans="1:41" ht="18" customHeight="1" x14ac:dyDescent="0.4">
      <c r="A105" s="477"/>
      <c r="B105" s="18"/>
      <c r="C105" s="19"/>
      <c r="D105" s="19"/>
      <c r="E105" s="19"/>
      <c r="F105" s="19"/>
      <c r="G105" s="19"/>
      <c r="H105" s="19"/>
      <c r="I105" s="19"/>
      <c r="J105" s="19"/>
      <c r="K105" s="19"/>
      <c r="L105" s="19"/>
      <c r="M105" s="19"/>
      <c r="N105" s="19"/>
      <c r="O105" s="19"/>
      <c r="P105" s="19"/>
      <c r="Q105" s="19"/>
      <c r="R105" s="19"/>
      <c r="S105" s="19"/>
      <c r="T105" s="19"/>
      <c r="U105" s="19"/>
      <c r="V105" s="19"/>
      <c r="W105" s="19"/>
      <c r="X105" s="19"/>
      <c r="Y105" s="19"/>
      <c r="Z105" s="19"/>
      <c r="AA105" s="19"/>
      <c r="AB105" s="19"/>
      <c r="AC105" s="19"/>
      <c r="AD105" s="19"/>
      <c r="AE105" s="19"/>
      <c r="AF105" s="19"/>
      <c r="AG105" s="19"/>
      <c r="AH105" s="19"/>
      <c r="AI105" s="19"/>
      <c r="AJ105" s="19"/>
      <c r="AK105" s="19"/>
      <c r="AL105" s="19"/>
      <c r="AM105" s="19"/>
      <c r="AN105" s="19"/>
      <c r="AO105" s="82"/>
    </row>
    <row r="106" spans="1:41" ht="18" customHeight="1" x14ac:dyDescent="0.4">
      <c r="A106" s="492" t="s">
        <v>573</v>
      </c>
      <c r="B106" s="12"/>
      <c r="C106" s="13"/>
      <c r="D106" s="13"/>
      <c r="E106" s="13"/>
      <c r="F106" s="13"/>
      <c r="G106" s="13"/>
      <c r="H106" s="13"/>
      <c r="I106" s="13"/>
      <c r="J106" s="13"/>
      <c r="K106" s="13"/>
      <c r="L106" s="13"/>
      <c r="M106" s="13"/>
      <c r="N106" s="13"/>
      <c r="O106" s="13"/>
      <c r="P106" s="13"/>
      <c r="Q106" s="13"/>
      <c r="R106" s="13"/>
      <c r="S106" s="13"/>
      <c r="T106" s="13"/>
      <c r="U106" s="13"/>
      <c r="V106" s="13"/>
      <c r="W106" s="13"/>
      <c r="X106" s="13"/>
      <c r="Y106" s="13"/>
      <c r="Z106" s="13"/>
      <c r="AA106" s="13"/>
      <c r="AB106" s="13"/>
      <c r="AC106" s="13"/>
      <c r="AD106" s="13"/>
      <c r="AE106" s="13"/>
      <c r="AF106" s="13"/>
      <c r="AG106" s="13"/>
      <c r="AH106" s="13"/>
      <c r="AI106" s="13"/>
      <c r="AJ106" s="13"/>
      <c r="AK106" s="13"/>
      <c r="AL106" s="13"/>
      <c r="AM106" s="13"/>
      <c r="AN106" s="13"/>
      <c r="AO106" s="79"/>
    </row>
    <row r="107" spans="1:41" ht="18" customHeight="1" x14ac:dyDescent="0.4">
      <c r="A107" s="492"/>
      <c r="B107" s="80"/>
      <c r="C107" s="295"/>
      <c r="D107" s="295"/>
      <c r="E107" s="295"/>
      <c r="F107" s="295"/>
      <c r="G107" s="295"/>
      <c r="H107" s="295" t="s">
        <v>574</v>
      </c>
      <c r="I107" s="295"/>
      <c r="J107" s="295"/>
      <c r="K107" s="295"/>
      <c r="L107" s="295"/>
      <c r="M107" s="295"/>
      <c r="N107" s="295"/>
      <c r="O107" s="295"/>
      <c r="P107" s="295"/>
      <c r="Q107" s="295" t="s">
        <v>575</v>
      </c>
      <c r="R107" s="295"/>
      <c r="S107" s="295"/>
      <c r="T107" s="295"/>
      <c r="U107" s="295"/>
      <c r="V107" s="295"/>
      <c r="W107" s="295"/>
      <c r="X107" s="295"/>
      <c r="Y107" s="295"/>
      <c r="AO107" s="81"/>
    </row>
    <row r="108" spans="1:41" ht="18" customHeight="1" x14ac:dyDescent="0.4">
      <c r="A108" s="492"/>
      <c r="B108" s="80"/>
      <c r="C108" s="295" t="s">
        <v>576</v>
      </c>
      <c r="D108" s="295"/>
      <c r="E108" s="295"/>
      <c r="F108" s="295"/>
      <c r="G108" s="295"/>
      <c r="H108" s="295" t="s">
        <v>577</v>
      </c>
      <c r="I108" s="295"/>
      <c r="J108" s="295"/>
      <c r="K108" s="295"/>
      <c r="L108" s="295"/>
      <c r="M108" s="295"/>
      <c r="N108" s="295"/>
      <c r="O108" s="295"/>
      <c r="P108" s="295"/>
      <c r="Q108" s="295" t="s">
        <v>577</v>
      </c>
      <c r="R108" s="295"/>
      <c r="S108" s="295"/>
      <c r="T108" s="295"/>
      <c r="U108" s="295"/>
      <c r="V108" s="295"/>
      <c r="W108" s="295"/>
      <c r="X108" s="295"/>
      <c r="Y108" s="295"/>
      <c r="AO108" s="81"/>
    </row>
    <row r="109" spans="1:41" ht="36" customHeight="1" x14ac:dyDescent="0.4">
      <c r="A109" s="492"/>
      <c r="B109" s="80"/>
      <c r="C109" s="295" t="s">
        <v>578</v>
      </c>
      <c r="D109" s="295"/>
      <c r="E109" s="295"/>
      <c r="F109" s="295"/>
      <c r="G109" s="295"/>
      <c r="H109" s="295" t="s">
        <v>577</v>
      </c>
      <c r="I109" s="295"/>
      <c r="J109" s="295"/>
      <c r="K109" s="295"/>
      <c r="L109" s="295"/>
      <c r="M109" s="295"/>
      <c r="N109" s="295"/>
      <c r="O109" s="295"/>
      <c r="P109" s="295"/>
      <c r="Q109" s="338" t="s">
        <v>579</v>
      </c>
      <c r="R109" s="295"/>
      <c r="S109" s="295"/>
      <c r="T109" s="295"/>
      <c r="U109" s="295"/>
      <c r="V109" s="295"/>
      <c r="W109" s="295"/>
      <c r="X109" s="295"/>
      <c r="Y109" s="295"/>
      <c r="AO109" s="81"/>
    </row>
    <row r="110" spans="1:41" ht="18" customHeight="1" x14ac:dyDescent="0.4">
      <c r="A110" s="492"/>
      <c r="B110" s="80"/>
      <c r="AO110" s="81"/>
    </row>
    <row r="111" spans="1:41" ht="18" customHeight="1" x14ac:dyDescent="0.4">
      <c r="A111" s="492"/>
      <c r="B111" s="80"/>
      <c r="C111" s="26" t="s">
        <v>580</v>
      </c>
      <c r="AO111" s="81"/>
    </row>
    <row r="112" spans="1:41" ht="18" customHeight="1" x14ac:dyDescent="0.4">
      <c r="A112" s="492"/>
      <c r="B112" s="80"/>
      <c r="C112" s="295" t="s">
        <v>576</v>
      </c>
      <c r="D112" s="295"/>
      <c r="E112" s="295"/>
      <c r="F112" s="295"/>
      <c r="G112" s="295"/>
      <c r="H112" s="295" t="s">
        <v>577</v>
      </c>
      <c r="I112" s="295"/>
      <c r="J112" s="295"/>
      <c r="K112" s="295"/>
      <c r="L112" s="295"/>
      <c r="M112" s="295"/>
      <c r="N112" s="295"/>
      <c r="O112" s="295"/>
      <c r="P112" s="295"/>
      <c r="AO112" s="81"/>
    </row>
    <row r="113" spans="1:41" ht="18" customHeight="1" x14ac:dyDescent="0.4">
      <c r="A113" s="492"/>
      <c r="B113" s="80"/>
      <c r="C113" s="295" t="s">
        <v>578</v>
      </c>
      <c r="D113" s="295"/>
      <c r="E113" s="295"/>
      <c r="F113" s="295"/>
      <c r="G113" s="295"/>
      <c r="H113" s="295" t="s">
        <v>577</v>
      </c>
      <c r="I113" s="295"/>
      <c r="J113" s="295"/>
      <c r="K113" s="295"/>
      <c r="L113" s="295"/>
      <c r="M113" s="295"/>
      <c r="N113" s="295"/>
      <c r="O113" s="295"/>
      <c r="P113" s="295"/>
      <c r="AO113" s="81"/>
    </row>
    <row r="114" spans="1:41" ht="18" customHeight="1" x14ac:dyDescent="0.4">
      <c r="A114" s="492"/>
      <c r="B114" s="18"/>
      <c r="C114" s="19"/>
      <c r="D114" s="19"/>
      <c r="E114" s="19"/>
      <c r="F114" s="19"/>
      <c r="G114" s="19"/>
      <c r="H114" s="19"/>
      <c r="I114" s="19"/>
      <c r="J114" s="19"/>
      <c r="K114" s="19"/>
      <c r="L114" s="19"/>
      <c r="M114" s="19"/>
      <c r="N114" s="19"/>
      <c r="O114" s="19"/>
      <c r="P114" s="19"/>
      <c r="Q114" s="19"/>
      <c r="R114" s="19"/>
      <c r="S114" s="19"/>
      <c r="T114" s="19"/>
      <c r="U114" s="19"/>
      <c r="V114" s="19"/>
      <c r="W114" s="19"/>
      <c r="X114" s="19"/>
      <c r="Y114" s="19"/>
      <c r="Z114" s="19"/>
      <c r="AA114" s="19"/>
      <c r="AB114" s="19"/>
      <c r="AC114" s="19"/>
      <c r="AD114" s="19"/>
      <c r="AE114" s="19"/>
      <c r="AF114" s="19"/>
      <c r="AG114" s="19"/>
      <c r="AH114" s="19"/>
      <c r="AI114" s="19"/>
      <c r="AJ114" s="19"/>
      <c r="AK114" s="19"/>
      <c r="AL114" s="19"/>
      <c r="AM114" s="19"/>
      <c r="AN114" s="19"/>
      <c r="AO114" s="82"/>
    </row>
    <row r="115" spans="1:41" ht="18" customHeight="1" x14ac:dyDescent="0.4">
      <c r="A115" s="492" t="s">
        <v>581</v>
      </c>
      <c r="B115" s="12"/>
      <c r="C115" s="13"/>
      <c r="D115" s="13"/>
      <c r="E115" s="13"/>
      <c r="F115" s="13"/>
      <c r="G115" s="13"/>
      <c r="H115" s="13"/>
      <c r="I115" s="13"/>
      <c r="J115" s="13"/>
      <c r="K115" s="13"/>
      <c r="L115" s="13"/>
      <c r="M115" s="13"/>
      <c r="N115" s="13"/>
      <c r="O115" s="13"/>
      <c r="P115" s="13"/>
      <c r="Q115" s="13"/>
      <c r="R115" s="13"/>
      <c r="S115" s="13"/>
      <c r="T115" s="13"/>
      <c r="U115" s="13"/>
      <c r="V115" s="13"/>
      <c r="W115" s="13"/>
      <c r="X115" s="13"/>
      <c r="Y115" s="13"/>
      <c r="Z115" s="13"/>
      <c r="AA115" s="13"/>
      <c r="AB115" s="13"/>
      <c r="AC115" s="13"/>
      <c r="AD115" s="13"/>
      <c r="AE115" s="13"/>
      <c r="AF115" s="13"/>
      <c r="AG115" s="13"/>
      <c r="AH115" s="13"/>
      <c r="AI115" s="13"/>
      <c r="AJ115" s="13"/>
      <c r="AK115" s="13"/>
      <c r="AL115" s="13"/>
      <c r="AM115" s="13"/>
      <c r="AN115" s="13"/>
      <c r="AO115" s="79"/>
    </row>
    <row r="116" spans="1:41" ht="18" customHeight="1" x14ac:dyDescent="0.4">
      <c r="A116" s="492"/>
      <c r="B116" s="80"/>
      <c r="C116" s="19"/>
      <c r="D116" s="19"/>
      <c r="E116" s="19"/>
      <c r="F116" s="19"/>
      <c r="G116" s="19"/>
      <c r="H116" s="19"/>
      <c r="I116" s="19"/>
      <c r="J116" s="19"/>
      <c r="K116" s="19"/>
      <c r="L116" s="19"/>
      <c r="M116" s="19"/>
      <c r="N116" s="19"/>
      <c r="O116" s="19"/>
      <c r="P116" s="19"/>
      <c r="Q116" s="19"/>
      <c r="R116" s="19"/>
      <c r="S116" s="19"/>
      <c r="T116" s="19"/>
      <c r="U116" s="19"/>
      <c r="V116" s="19"/>
      <c r="W116" s="19"/>
      <c r="X116" s="19"/>
      <c r="Y116" s="139" t="s">
        <v>582</v>
      </c>
      <c r="AO116" s="81"/>
    </row>
    <row r="117" spans="1:41" ht="18" customHeight="1" x14ac:dyDescent="0.4">
      <c r="A117" s="492"/>
      <c r="B117" s="80"/>
      <c r="C117" s="465" t="s">
        <v>583</v>
      </c>
      <c r="D117" s="469"/>
      <c r="E117" s="469"/>
      <c r="F117" s="469"/>
      <c r="G117" s="470"/>
      <c r="H117" s="295" t="s">
        <v>584</v>
      </c>
      <c r="I117" s="295"/>
      <c r="J117" s="295"/>
      <c r="K117" s="295"/>
      <c r="L117" s="295"/>
      <c r="M117" s="295"/>
      <c r="N117" s="295"/>
      <c r="O117" s="295"/>
      <c r="P117" s="295"/>
      <c r="Q117" s="295"/>
      <c r="R117" s="295"/>
      <c r="S117" s="295"/>
      <c r="T117" s="295"/>
      <c r="U117" s="295"/>
      <c r="V117" s="295"/>
      <c r="W117" s="295"/>
      <c r="X117" s="295"/>
      <c r="Y117" s="295"/>
      <c r="Z117" s="80"/>
      <c r="AO117" s="81"/>
    </row>
    <row r="118" spans="1:41" ht="18" customHeight="1" x14ac:dyDescent="0.4">
      <c r="A118" s="492"/>
      <c r="B118" s="80"/>
      <c r="C118" s="602" t="s">
        <v>585</v>
      </c>
      <c r="D118" s="603"/>
      <c r="E118" s="603"/>
      <c r="F118" s="603"/>
      <c r="G118" s="604"/>
      <c r="H118" s="608"/>
      <c r="I118" s="609"/>
      <c r="J118" s="609"/>
      <c r="K118" s="609"/>
      <c r="L118" s="609"/>
      <c r="M118" s="609"/>
      <c r="N118" s="609"/>
      <c r="O118" s="609"/>
      <c r="P118" s="609"/>
      <c r="Q118" s="609"/>
      <c r="R118" s="609"/>
      <c r="S118" s="609"/>
      <c r="T118" s="609"/>
      <c r="U118" s="609"/>
      <c r="V118" s="609"/>
      <c r="W118" s="609"/>
      <c r="X118" s="609"/>
      <c r="Y118" s="610"/>
      <c r="Z118" s="170"/>
      <c r="AA118" s="172"/>
      <c r="AO118" s="81"/>
    </row>
    <row r="119" spans="1:41" ht="18" customHeight="1" x14ac:dyDescent="0.4">
      <c r="A119" s="492"/>
      <c r="B119" s="80"/>
      <c r="C119" s="605" t="s">
        <v>586</v>
      </c>
      <c r="D119" s="606"/>
      <c r="E119" s="606"/>
      <c r="F119" s="606"/>
      <c r="G119" s="607"/>
      <c r="H119" s="611"/>
      <c r="I119" s="612"/>
      <c r="J119" s="612"/>
      <c r="K119" s="612"/>
      <c r="L119" s="612"/>
      <c r="M119" s="612"/>
      <c r="N119" s="612"/>
      <c r="O119" s="612"/>
      <c r="P119" s="612"/>
      <c r="Q119" s="612"/>
      <c r="R119" s="612"/>
      <c r="S119" s="612"/>
      <c r="T119" s="612"/>
      <c r="U119" s="612"/>
      <c r="V119" s="612"/>
      <c r="W119" s="612"/>
      <c r="X119" s="612"/>
      <c r="Y119" s="613"/>
      <c r="Z119" s="170"/>
      <c r="AA119" s="172"/>
      <c r="AO119" s="81"/>
    </row>
    <row r="120" spans="1:41" ht="18" customHeight="1" x14ac:dyDescent="0.4">
      <c r="A120" s="492"/>
      <c r="B120" s="80"/>
      <c r="C120" s="602" t="s">
        <v>585</v>
      </c>
      <c r="D120" s="603"/>
      <c r="E120" s="603"/>
      <c r="F120" s="603"/>
      <c r="G120" s="604"/>
      <c r="H120" s="608"/>
      <c r="I120" s="609"/>
      <c r="J120" s="609"/>
      <c r="K120" s="609"/>
      <c r="L120" s="609"/>
      <c r="M120" s="609"/>
      <c r="N120" s="609"/>
      <c r="O120" s="609"/>
      <c r="P120" s="609"/>
      <c r="Q120" s="609"/>
      <c r="R120" s="609"/>
      <c r="S120" s="609"/>
      <c r="T120" s="609"/>
      <c r="U120" s="609"/>
      <c r="V120" s="609"/>
      <c r="W120" s="609"/>
      <c r="X120" s="609"/>
      <c r="Y120" s="610"/>
      <c r="Z120" s="170"/>
      <c r="AA120" s="172"/>
      <c r="AO120" s="81"/>
    </row>
    <row r="121" spans="1:41" ht="18" customHeight="1" x14ac:dyDescent="0.4">
      <c r="A121" s="492"/>
      <c r="B121" s="80"/>
      <c r="C121" s="605" t="s">
        <v>586</v>
      </c>
      <c r="D121" s="606"/>
      <c r="E121" s="606"/>
      <c r="F121" s="606"/>
      <c r="G121" s="607"/>
      <c r="H121" s="611"/>
      <c r="I121" s="612"/>
      <c r="J121" s="612"/>
      <c r="K121" s="612"/>
      <c r="L121" s="612"/>
      <c r="M121" s="612"/>
      <c r="N121" s="612"/>
      <c r="O121" s="612"/>
      <c r="P121" s="612"/>
      <c r="Q121" s="612"/>
      <c r="R121" s="612"/>
      <c r="S121" s="612"/>
      <c r="T121" s="612"/>
      <c r="U121" s="612"/>
      <c r="V121" s="612"/>
      <c r="W121" s="612"/>
      <c r="X121" s="612"/>
      <c r="Y121" s="613"/>
      <c r="Z121" s="170"/>
      <c r="AA121" s="172"/>
      <c r="AO121" s="81"/>
    </row>
    <row r="122" spans="1:41" ht="18" customHeight="1" x14ac:dyDescent="0.4">
      <c r="A122" s="492"/>
      <c r="B122" s="80"/>
      <c r="C122" s="602" t="s">
        <v>585</v>
      </c>
      <c r="D122" s="603"/>
      <c r="E122" s="603"/>
      <c r="F122" s="603"/>
      <c r="G122" s="604"/>
      <c r="H122" s="608"/>
      <c r="I122" s="609"/>
      <c r="J122" s="609"/>
      <c r="K122" s="609"/>
      <c r="L122" s="609"/>
      <c r="M122" s="609"/>
      <c r="N122" s="609"/>
      <c r="O122" s="609"/>
      <c r="P122" s="609"/>
      <c r="Q122" s="609"/>
      <c r="R122" s="609"/>
      <c r="S122" s="609"/>
      <c r="T122" s="609"/>
      <c r="U122" s="609"/>
      <c r="V122" s="609"/>
      <c r="W122" s="609"/>
      <c r="X122" s="609"/>
      <c r="Y122" s="610"/>
      <c r="Z122" s="170"/>
      <c r="AA122" s="172"/>
      <c r="AO122" s="81"/>
    </row>
    <row r="123" spans="1:41" ht="18" customHeight="1" x14ac:dyDescent="0.4">
      <c r="A123" s="492"/>
      <c r="B123" s="80"/>
      <c r="C123" s="605" t="s">
        <v>586</v>
      </c>
      <c r="D123" s="606"/>
      <c r="E123" s="606"/>
      <c r="F123" s="606"/>
      <c r="G123" s="607"/>
      <c r="H123" s="611"/>
      <c r="I123" s="612"/>
      <c r="J123" s="612"/>
      <c r="K123" s="612"/>
      <c r="L123" s="612"/>
      <c r="M123" s="612"/>
      <c r="N123" s="612"/>
      <c r="O123" s="612"/>
      <c r="P123" s="612"/>
      <c r="Q123" s="612"/>
      <c r="R123" s="612"/>
      <c r="S123" s="612"/>
      <c r="T123" s="612"/>
      <c r="U123" s="612"/>
      <c r="V123" s="612"/>
      <c r="W123" s="612"/>
      <c r="X123" s="612"/>
      <c r="Y123" s="613"/>
      <c r="Z123" s="170"/>
      <c r="AA123" s="172"/>
      <c r="AO123" s="81"/>
    </row>
    <row r="124" spans="1:41" ht="18" customHeight="1" x14ac:dyDescent="0.4">
      <c r="A124" s="492"/>
      <c r="B124" s="18"/>
      <c r="C124" s="19"/>
      <c r="D124" s="19"/>
      <c r="E124" s="19"/>
      <c r="F124" s="19"/>
      <c r="G124" s="19"/>
      <c r="H124" s="19"/>
      <c r="I124" s="19"/>
      <c r="J124" s="19"/>
      <c r="K124" s="19"/>
      <c r="L124" s="19"/>
      <c r="M124" s="19"/>
      <c r="N124" s="19"/>
      <c r="O124" s="19"/>
      <c r="P124" s="19"/>
      <c r="Q124" s="19"/>
      <c r="R124" s="19"/>
      <c r="S124" s="19"/>
      <c r="T124" s="19"/>
      <c r="U124" s="19"/>
      <c r="V124" s="19"/>
      <c r="W124" s="19"/>
      <c r="X124" s="19"/>
      <c r="Y124" s="19"/>
      <c r="Z124" s="19"/>
      <c r="AA124" s="19"/>
      <c r="AB124" s="19"/>
      <c r="AC124" s="19"/>
      <c r="AD124" s="19"/>
      <c r="AE124" s="19"/>
      <c r="AF124" s="19"/>
      <c r="AG124" s="19"/>
      <c r="AH124" s="19"/>
      <c r="AI124" s="19"/>
      <c r="AJ124" s="19"/>
      <c r="AK124" s="19"/>
      <c r="AL124" s="19"/>
      <c r="AM124" s="19"/>
      <c r="AN124" s="19"/>
      <c r="AO124" s="82"/>
    </row>
    <row r="125" spans="1:41" ht="18" customHeight="1" x14ac:dyDescent="0.4">
      <c r="A125" s="473" t="s">
        <v>1005</v>
      </c>
      <c r="B125" s="12"/>
      <c r="C125" s="13"/>
      <c r="D125" s="13"/>
      <c r="E125" s="13"/>
      <c r="F125" s="13"/>
      <c r="G125" s="13"/>
      <c r="H125" s="13"/>
      <c r="I125" s="13"/>
      <c r="J125" s="13"/>
      <c r="K125" s="13"/>
      <c r="L125" s="13"/>
      <c r="M125" s="13"/>
      <c r="N125" s="13"/>
      <c r="O125" s="13"/>
      <c r="P125" s="13"/>
      <c r="Q125" s="13"/>
      <c r="R125" s="13"/>
      <c r="S125" s="13"/>
      <c r="T125" s="13"/>
      <c r="U125" s="13"/>
      <c r="V125" s="13"/>
      <c r="W125" s="13"/>
      <c r="X125" s="13"/>
      <c r="Y125" s="13"/>
      <c r="Z125" s="13"/>
      <c r="AA125" s="13"/>
      <c r="AB125" s="13"/>
      <c r="AC125" s="13"/>
      <c r="AD125" s="13"/>
      <c r="AE125" s="13"/>
      <c r="AF125" s="13"/>
      <c r="AG125" s="13"/>
      <c r="AH125" s="13"/>
      <c r="AI125" s="13"/>
      <c r="AJ125" s="13"/>
      <c r="AK125" s="13"/>
      <c r="AL125" s="13"/>
      <c r="AM125" s="13"/>
      <c r="AN125" s="13"/>
      <c r="AO125" s="79"/>
    </row>
    <row r="126" spans="1:41" ht="36" customHeight="1" x14ac:dyDescent="0.4">
      <c r="A126" s="582"/>
      <c r="B126" s="80"/>
      <c r="C126" s="700"/>
      <c r="D126" s="701"/>
      <c r="E126" s="701"/>
      <c r="F126" s="701"/>
      <c r="G126" s="702"/>
      <c r="H126" s="465" t="s">
        <v>587</v>
      </c>
      <c r="I126" s="469"/>
      <c r="J126" s="470"/>
      <c r="K126" s="465" t="s">
        <v>532</v>
      </c>
      <c r="L126" s="469"/>
      <c r="M126" s="469"/>
      <c r="N126" s="469"/>
      <c r="O126" s="469"/>
      <c r="P126" s="469"/>
      <c r="Q126" s="470"/>
      <c r="R126" s="465" t="s">
        <v>588</v>
      </c>
      <c r="S126" s="469"/>
      <c r="T126" s="469"/>
      <c r="U126" s="470"/>
      <c r="V126" s="469" t="s">
        <v>589</v>
      </c>
      <c r="W126" s="469"/>
      <c r="X126" s="469"/>
      <c r="Y126" s="470"/>
      <c r="AO126" s="81"/>
    </row>
    <row r="127" spans="1:41" ht="30" customHeight="1" x14ac:dyDescent="0.4">
      <c r="A127" s="582"/>
      <c r="B127" s="80"/>
      <c r="C127" s="336" t="s">
        <v>590</v>
      </c>
      <c r="D127" s="336"/>
      <c r="E127" s="336"/>
      <c r="F127" s="336"/>
      <c r="G127" s="336"/>
      <c r="H127" s="336"/>
      <c r="I127" s="336"/>
      <c r="J127" s="336"/>
      <c r="K127" s="593" t="s">
        <v>592</v>
      </c>
      <c r="L127" s="594"/>
      <c r="M127" s="594"/>
      <c r="N127" s="594"/>
      <c r="O127" s="594"/>
      <c r="P127" s="594"/>
      <c r="Q127" s="594"/>
      <c r="R127" s="592">
        <v>0</v>
      </c>
      <c r="S127" s="592"/>
      <c r="T127" s="592"/>
      <c r="U127" s="592"/>
      <c r="V127" s="592">
        <v>0</v>
      </c>
      <c r="W127" s="592"/>
      <c r="X127" s="592"/>
      <c r="Y127" s="592"/>
      <c r="AO127" s="81"/>
    </row>
    <row r="128" spans="1:41" ht="30" customHeight="1" x14ac:dyDescent="0.4">
      <c r="A128" s="582"/>
      <c r="B128" s="80"/>
      <c r="C128" s="336" t="s">
        <v>591</v>
      </c>
      <c r="D128" s="336"/>
      <c r="E128" s="336"/>
      <c r="F128" s="336"/>
      <c r="G128" s="336"/>
      <c r="H128" s="336"/>
      <c r="I128" s="336"/>
      <c r="J128" s="336"/>
      <c r="K128" s="593" t="s">
        <v>592</v>
      </c>
      <c r="L128" s="594"/>
      <c r="M128" s="594"/>
      <c r="N128" s="594"/>
      <c r="O128" s="594"/>
      <c r="P128" s="594"/>
      <c r="Q128" s="594"/>
      <c r="R128" s="592">
        <v>0</v>
      </c>
      <c r="S128" s="592"/>
      <c r="T128" s="592"/>
      <c r="U128" s="592"/>
      <c r="V128" s="592">
        <v>0</v>
      </c>
      <c r="W128" s="592"/>
      <c r="X128" s="592"/>
      <c r="Y128" s="592"/>
      <c r="AO128" s="81"/>
    </row>
    <row r="129" spans="1:41" ht="30" customHeight="1" x14ac:dyDescent="0.4">
      <c r="A129" s="582"/>
      <c r="B129" s="80"/>
      <c r="C129" s="337" t="s">
        <v>593</v>
      </c>
      <c r="D129" s="336"/>
      <c r="E129" s="336"/>
      <c r="F129" s="336"/>
      <c r="G129" s="336"/>
      <c r="H129" s="336"/>
      <c r="I129" s="336"/>
      <c r="J129" s="336"/>
      <c r="K129" s="593" t="s">
        <v>594</v>
      </c>
      <c r="L129" s="594"/>
      <c r="M129" s="594"/>
      <c r="N129" s="594"/>
      <c r="O129" s="594"/>
      <c r="P129" s="594"/>
      <c r="Q129" s="594"/>
      <c r="R129" s="592">
        <v>0</v>
      </c>
      <c r="S129" s="592"/>
      <c r="T129" s="592"/>
      <c r="U129" s="592"/>
      <c r="V129" s="592">
        <v>0</v>
      </c>
      <c r="W129" s="592"/>
      <c r="X129" s="592"/>
      <c r="Y129" s="592"/>
      <c r="AO129" s="81"/>
    </row>
    <row r="130" spans="1:41" ht="30" customHeight="1" x14ac:dyDescent="0.4">
      <c r="A130" s="582"/>
      <c r="B130" s="80"/>
      <c r="C130" s="336" t="s">
        <v>906</v>
      </c>
      <c r="D130" s="336"/>
      <c r="E130" s="336"/>
      <c r="F130" s="336"/>
      <c r="G130" s="336"/>
      <c r="H130" s="336"/>
      <c r="I130" s="336"/>
      <c r="J130" s="336"/>
      <c r="K130" s="589"/>
      <c r="L130" s="590"/>
      <c r="M130" s="590"/>
      <c r="N130" s="590"/>
      <c r="O130" s="590"/>
      <c r="P130" s="590"/>
      <c r="Q130" s="590"/>
      <c r="R130" s="591">
        <v>0</v>
      </c>
      <c r="S130" s="591"/>
      <c r="T130" s="591"/>
      <c r="U130" s="591"/>
      <c r="V130" s="592">
        <v>0</v>
      </c>
      <c r="W130" s="592"/>
      <c r="X130" s="592"/>
      <c r="Y130" s="592"/>
      <c r="AO130" s="81"/>
    </row>
    <row r="131" spans="1:41" ht="30" customHeight="1" x14ac:dyDescent="0.4">
      <c r="A131" s="582"/>
      <c r="B131" s="80"/>
      <c r="C131" s="336" t="s">
        <v>596</v>
      </c>
      <c r="D131" s="336"/>
      <c r="E131" s="336"/>
      <c r="F131" s="336"/>
      <c r="G131" s="336"/>
      <c r="H131" s="336"/>
      <c r="I131" s="336"/>
      <c r="J131" s="336"/>
      <c r="K131" s="589"/>
      <c r="L131" s="590"/>
      <c r="M131" s="590"/>
      <c r="N131" s="590"/>
      <c r="O131" s="590"/>
      <c r="P131" s="590"/>
      <c r="Q131" s="590"/>
      <c r="R131" s="591">
        <v>0</v>
      </c>
      <c r="S131" s="591"/>
      <c r="T131" s="591"/>
      <c r="U131" s="591"/>
      <c r="V131" s="592">
        <v>0</v>
      </c>
      <c r="W131" s="592"/>
      <c r="X131" s="592"/>
      <c r="Y131" s="592"/>
      <c r="AO131" s="81"/>
    </row>
    <row r="132" spans="1:41" ht="30" customHeight="1" x14ac:dyDescent="0.4">
      <c r="A132" s="582"/>
      <c r="B132" s="80"/>
      <c r="C132" s="336" t="s">
        <v>597</v>
      </c>
      <c r="D132" s="336"/>
      <c r="E132" s="336"/>
      <c r="F132" s="336"/>
      <c r="G132" s="336"/>
      <c r="H132" s="336"/>
      <c r="I132" s="336"/>
      <c r="J132" s="336"/>
      <c r="K132" s="589"/>
      <c r="L132" s="590"/>
      <c r="M132" s="590"/>
      <c r="N132" s="590"/>
      <c r="O132" s="590"/>
      <c r="P132" s="590"/>
      <c r="Q132" s="590"/>
      <c r="R132" s="591">
        <v>0</v>
      </c>
      <c r="S132" s="591"/>
      <c r="T132" s="591"/>
      <c r="U132" s="591"/>
      <c r="V132" s="592">
        <v>0</v>
      </c>
      <c r="W132" s="592"/>
      <c r="X132" s="592"/>
      <c r="Y132" s="592"/>
      <c r="AO132" s="81"/>
    </row>
    <row r="133" spans="1:41" ht="30" customHeight="1" x14ac:dyDescent="0.4">
      <c r="A133" s="582"/>
      <c r="B133" s="80"/>
      <c r="C133" s="336" t="s">
        <v>598</v>
      </c>
      <c r="D133" s="336"/>
      <c r="E133" s="336"/>
      <c r="F133" s="336"/>
      <c r="G133" s="336"/>
      <c r="H133" s="336"/>
      <c r="I133" s="336"/>
      <c r="J133" s="336"/>
      <c r="K133" s="589"/>
      <c r="L133" s="590"/>
      <c r="M133" s="590"/>
      <c r="N133" s="590"/>
      <c r="O133" s="590"/>
      <c r="P133" s="590"/>
      <c r="Q133" s="590"/>
      <c r="R133" s="591">
        <v>0</v>
      </c>
      <c r="S133" s="591"/>
      <c r="T133" s="591"/>
      <c r="U133" s="591"/>
      <c r="V133" s="592">
        <v>0</v>
      </c>
      <c r="W133" s="592"/>
      <c r="X133" s="592"/>
      <c r="Y133" s="592"/>
      <c r="AO133" s="81"/>
    </row>
    <row r="134" spans="1:41" ht="30" customHeight="1" x14ac:dyDescent="0.4">
      <c r="A134" s="582"/>
      <c r="B134" s="80"/>
      <c r="C134" s="336" t="s">
        <v>599</v>
      </c>
      <c r="D134" s="336"/>
      <c r="E134" s="336"/>
      <c r="F134" s="336"/>
      <c r="G134" s="336"/>
      <c r="H134" s="336"/>
      <c r="I134" s="336"/>
      <c r="J134" s="336"/>
      <c r="K134" s="589"/>
      <c r="L134" s="590"/>
      <c r="M134" s="590"/>
      <c r="N134" s="590"/>
      <c r="O134" s="590"/>
      <c r="P134" s="590"/>
      <c r="Q134" s="590"/>
      <c r="R134" s="591">
        <v>0</v>
      </c>
      <c r="S134" s="591"/>
      <c r="T134" s="591"/>
      <c r="U134" s="591"/>
      <c r="V134" s="592">
        <v>0</v>
      </c>
      <c r="W134" s="592"/>
      <c r="X134" s="592"/>
      <c r="Y134" s="592"/>
      <c r="AO134" s="81"/>
    </row>
    <row r="135" spans="1:41" ht="30" customHeight="1" x14ac:dyDescent="0.4">
      <c r="A135" s="582"/>
      <c r="B135" s="80"/>
      <c r="C135" s="336" t="s">
        <v>600</v>
      </c>
      <c r="D135" s="336"/>
      <c r="E135" s="336"/>
      <c r="F135" s="336"/>
      <c r="G135" s="336"/>
      <c r="H135" s="336"/>
      <c r="I135" s="336"/>
      <c r="J135" s="336"/>
      <c r="K135" s="589"/>
      <c r="L135" s="590"/>
      <c r="M135" s="590"/>
      <c r="N135" s="590"/>
      <c r="O135" s="590"/>
      <c r="P135" s="590"/>
      <c r="Q135" s="590"/>
      <c r="R135" s="591">
        <v>0</v>
      </c>
      <c r="S135" s="591"/>
      <c r="T135" s="591"/>
      <c r="U135" s="591"/>
      <c r="V135" s="592">
        <v>0</v>
      </c>
      <c r="W135" s="592"/>
      <c r="X135" s="592"/>
      <c r="Y135" s="592"/>
      <c r="AO135" s="81"/>
    </row>
    <row r="136" spans="1:41" ht="30" customHeight="1" x14ac:dyDescent="0.4">
      <c r="A136" s="582"/>
      <c r="B136" s="80"/>
      <c r="C136" s="336" t="s">
        <v>601</v>
      </c>
      <c r="D136" s="336"/>
      <c r="E136" s="336"/>
      <c r="F136" s="336"/>
      <c r="G136" s="336"/>
      <c r="H136" s="336"/>
      <c r="I136" s="336"/>
      <c r="J136" s="336"/>
      <c r="K136" s="589"/>
      <c r="L136" s="590"/>
      <c r="M136" s="590"/>
      <c r="N136" s="590"/>
      <c r="O136" s="590"/>
      <c r="P136" s="590"/>
      <c r="Q136" s="590"/>
      <c r="R136" s="591">
        <v>0</v>
      </c>
      <c r="S136" s="591"/>
      <c r="T136" s="591"/>
      <c r="U136" s="591"/>
      <c r="V136" s="592">
        <v>0</v>
      </c>
      <c r="W136" s="592"/>
      <c r="X136" s="592"/>
      <c r="Y136" s="592"/>
      <c r="AO136" s="81"/>
    </row>
    <row r="137" spans="1:41" ht="30" customHeight="1" x14ac:dyDescent="0.4">
      <c r="A137" s="582"/>
      <c r="B137" s="80"/>
      <c r="C137" s="336" t="s">
        <v>602</v>
      </c>
      <c r="D137" s="336"/>
      <c r="E137" s="336"/>
      <c r="F137" s="336"/>
      <c r="G137" s="336"/>
      <c r="H137" s="343"/>
      <c r="I137" s="343"/>
      <c r="J137" s="343"/>
      <c r="K137" s="593" t="s">
        <v>603</v>
      </c>
      <c r="L137" s="594"/>
      <c r="M137" s="594"/>
      <c r="N137" s="594"/>
      <c r="O137" s="594"/>
      <c r="P137" s="594"/>
      <c r="Q137" s="594"/>
      <c r="R137" s="592">
        <v>0</v>
      </c>
      <c r="S137" s="592"/>
      <c r="T137" s="592"/>
      <c r="U137" s="592"/>
      <c r="V137" s="592">
        <v>0</v>
      </c>
      <c r="W137" s="592"/>
      <c r="X137" s="592"/>
      <c r="Y137" s="592"/>
      <c r="AO137" s="81"/>
    </row>
    <row r="138" spans="1:41" ht="30" customHeight="1" x14ac:dyDescent="0.4">
      <c r="A138" s="582"/>
      <c r="B138" s="80"/>
      <c r="C138" s="336" t="s">
        <v>604</v>
      </c>
      <c r="D138" s="336"/>
      <c r="E138" s="336"/>
      <c r="F138" s="336"/>
      <c r="G138" s="336"/>
      <c r="H138" s="343"/>
      <c r="I138" s="343"/>
      <c r="J138" s="343"/>
      <c r="K138" s="589"/>
      <c r="L138" s="590"/>
      <c r="M138" s="590"/>
      <c r="N138" s="590"/>
      <c r="O138" s="590"/>
      <c r="P138" s="590"/>
      <c r="Q138" s="590"/>
      <c r="R138" s="591">
        <v>0</v>
      </c>
      <c r="S138" s="591"/>
      <c r="T138" s="591"/>
      <c r="U138" s="591"/>
      <c r="V138" s="592">
        <v>0</v>
      </c>
      <c r="W138" s="592"/>
      <c r="X138" s="592"/>
      <c r="Y138" s="592"/>
      <c r="AO138" s="81"/>
    </row>
    <row r="139" spans="1:41" ht="30" customHeight="1" x14ac:dyDescent="0.4">
      <c r="A139" s="582"/>
      <c r="B139" s="80"/>
      <c r="C139" s="336" t="s">
        <v>605</v>
      </c>
      <c r="D139" s="336"/>
      <c r="E139" s="336"/>
      <c r="F139" s="336"/>
      <c r="G139" s="336"/>
      <c r="H139" s="343"/>
      <c r="I139" s="343"/>
      <c r="J139" s="343"/>
      <c r="K139" s="589"/>
      <c r="L139" s="590"/>
      <c r="M139" s="590"/>
      <c r="N139" s="590"/>
      <c r="O139" s="590"/>
      <c r="P139" s="590"/>
      <c r="Q139" s="590"/>
      <c r="R139" s="591">
        <v>0</v>
      </c>
      <c r="S139" s="591"/>
      <c r="T139" s="591"/>
      <c r="U139" s="591"/>
      <c r="V139" s="592">
        <v>0</v>
      </c>
      <c r="W139" s="592"/>
      <c r="X139" s="592"/>
      <c r="Y139" s="592"/>
      <c r="AO139" s="81"/>
    </row>
    <row r="140" spans="1:41" ht="30" customHeight="1" thickBot="1" x14ac:dyDescent="0.45">
      <c r="A140" s="582"/>
      <c r="B140" s="80"/>
      <c r="C140" s="596" t="s">
        <v>606</v>
      </c>
      <c r="D140" s="596"/>
      <c r="E140" s="596"/>
      <c r="F140" s="596"/>
      <c r="G140" s="596"/>
      <c r="H140" s="597"/>
      <c r="I140" s="597"/>
      <c r="J140" s="597"/>
      <c r="K140" s="598"/>
      <c r="L140" s="599"/>
      <c r="M140" s="599"/>
      <c r="N140" s="599"/>
      <c r="O140" s="599"/>
      <c r="P140" s="599"/>
      <c r="Q140" s="599"/>
      <c r="R140" s="600">
        <v>0</v>
      </c>
      <c r="S140" s="600"/>
      <c r="T140" s="600"/>
      <c r="U140" s="600"/>
      <c r="V140" s="601">
        <v>0</v>
      </c>
      <c r="W140" s="601"/>
      <c r="X140" s="601"/>
      <c r="Y140" s="601"/>
      <c r="AO140" s="81"/>
    </row>
    <row r="141" spans="1:41" ht="30" customHeight="1" x14ac:dyDescent="0.4">
      <c r="A141" s="582"/>
      <c r="B141" s="80"/>
      <c r="C141" s="584" t="s">
        <v>607</v>
      </c>
      <c r="D141" s="584"/>
      <c r="E141" s="584"/>
      <c r="F141" s="584"/>
      <c r="G141" s="584"/>
      <c r="H141" s="585"/>
      <c r="I141" s="585"/>
      <c r="J141" s="585"/>
      <c r="K141" s="586"/>
      <c r="L141" s="587"/>
      <c r="M141" s="587"/>
      <c r="N141" s="587"/>
      <c r="O141" s="587"/>
      <c r="P141" s="587"/>
      <c r="Q141" s="587"/>
      <c r="R141" s="588">
        <v>0</v>
      </c>
      <c r="S141" s="588"/>
      <c r="T141" s="588"/>
      <c r="U141" s="588"/>
      <c r="V141" s="595">
        <v>0</v>
      </c>
      <c r="W141" s="595"/>
      <c r="X141" s="595"/>
      <c r="Y141" s="595"/>
      <c r="AO141" s="81"/>
    </row>
    <row r="142" spans="1:41" ht="18" customHeight="1" x14ac:dyDescent="0.4">
      <c r="A142" s="583"/>
      <c r="B142" s="18"/>
      <c r="C142" s="19"/>
      <c r="D142" s="19"/>
      <c r="E142" s="19"/>
      <c r="F142" s="19"/>
      <c r="G142" s="19"/>
      <c r="H142" s="19"/>
      <c r="I142" s="19"/>
      <c r="J142" s="19"/>
      <c r="K142" s="19"/>
      <c r="L142" s="19"/>
      <c r="M142" s="19"/>
      <c r="N142" s="19"/>
      <c r="O142" s="19"/>
      <c r="P142" s="19"/>
      <c r="Q142" s="19"/>
      <c r="R142" s="19"/>
      <c r="S142" s="19"/>
      <c r="T142" s="19"/>
      <c r="U142" s="19"/>
      <c r="V142" s="19"/>
      <c r="W142" s="19"/>
      <c r="X142" s="19"/>
      <c r="Y142" s="19"/>
      <c r="Z142" s="19"/>
      <c r="AA142" s="19"/>
      <c r="AB142" s="19"/>
      <c r="AC142" s="19"/>
      <c r="AD142" s="19"/>
      <c r="AE142" s="19"/>
      <c r="AF142" s="19"/>
      <c r="AG142" s="19"/>
      <c r="AH142" s="19"/>
      <c r="AI142" s="19"/>
      <c r="AJ142" s="19"/>
      <c r="AK142" s="19"/>
      <c r="AL142" s="19"/>
      <c r="AM142" s="19"/>
      <c r="AN142" s="19"/>
      <c r="AO142" s="82"/>
    </row>
    <row r="143" spans="1:41" ht="18" customHeight="1" x14ac:dyDescent="0.4">
      <c r="A143" s="492" t="s">
        <v>608</v>
      </c>
      <c r="B143" s="12"/>
      <c r="C143" s="13"/>
      <c r="D143" s="13"/>
      <c r="E143" s="13"/>
      <c r="F143" s="13"/>
      <c r="G143" s="13"/>
      <c r="H143" s="13"/>
      <c r="I143" s="13"/>
      <c r="J143" s="13"/>
      <c r="K143" s="13"/>
      <c r="L143" s="13"/>
      <c r="M143" s="13"/>
      <c r="N143" s="13"/>
      <c r="O143" s="13"/>
      <c r="P143" s="13"/>
      <c r="Q143" s="13"/>
      <c r="R143" s="13"/>
      <c r="S143" s="13"/>
      <c r="T143" s="13"/>
      <c r="U143" s="13"/>
      <c r="V143" s="13"/>
      <c r="W143" s="13"/>
      <c r="X143" s="13"/>
      <c r="Y143" s="13"/>
      <c r="Z143" s="13"/>
      <c r="AA143" s="13"/>
      <c r="AB143" s="13"/>
      <c r="AC143" s="13"/>
      <c r="AD143" s="13"/>
      <c r="AE143" s="13"/>
      <c r="AF143" s="13"/>
      <c r="AG143" s="13"/>
      <c r="AH143" s="13"/>
      <c r="AI143" s="13"/>
      <c r="AJ143" s="13"/>
      <c r="AK143" s="13"/>
      <c r="AL143" s="13"/>
      <c r="AM143" s="13"/>
      <c r="AN143" s="13"/>
      <c r="AO143" s="79"/>
    </row>
    <row r="144" spans="1:41" ht="18" customHeight="1" x14ac:dyDescent="0.4">
      <c r="A144" s="492"/>
      <c r="B144" s="80"/>
      <c r="C144" s="26" t="s">
        <v>609</v>
      </c>
      <c r="AO144" s="81"/>
    </row>
    <row r="145" spans="1:41" ht="30" customHeight="1" x14ac:dyDescent="0.4">
      <c r="A145" s="492"/>
      <c r="B145" s="80"/>
      <c r="C145" s="336"/>
      <c r="D145" s="336"/>
      <c r="E145" s="336"/>
      <c r="F145" s="336" t="s">
        <v>610</v>
      </c>
      <c r="G145" s="336"/>
      <c r="H145" s="336"/>
      <c r="I145" s="336"/>
      <c r="J145" s="337" t="s">
        <v>611</v>
      </c>
      <c r="K145" s="337"/>
      <c r="L145" s="337"/>
      <c r="M145" s="337"/>
      <c r="N145" s="337"/>
      <c r="O145" s="336" t="s">
        <v>612</v>
      </c>
      <c r="P145" s="336"/>
      <c r="Q145" s="336"/>
      <c r="R145" s="336"/>
      <c r="S145" s="336" t="s">
        <v>613</v>
      </c>
      <c r="T145" s="336"/>
      <c r="U145" s="336"/>
      <c r="V145" s="336"/>
      <c r="W145" s="336"/>
      <c r="X145" s="336"/>
      <c r="AO145" s="81"/>
    </row>
    <row r="146" spans="1:41" ht="30" customHeight="1" x14ac:dyDescent="0.4">
      <c r="A146" s="492"/>
      <c r="B146" s="80"/>
      <c r="C146" s="336" t="s">
        <v>614</v>
      </c>
      <c r="D146" s="336"/>
      <c r="E146" s="336"/>
      <c r="F146" s="336" t="s">
        <v>615</v>
      </c>
      <c r="G146" s="336"/>
      <c r="H146" s="336"/>
      <c r="I146" s="336"/>
      <c r="J146" s="336" t="s">
        <v>615</v>
      </c>
      <c r="K146" s="336"/>
      <c r="L146" s="336"/>
      <c r="M146" s="336"/>
      <c r="N146" s="336"/>
      <c r="O146" s="336" t="s">
        <v>616</v>
      </c>
      <c r="P146" s="336"/>
      <c r="Q146" s="336"/>
      <c r="R146" s="336"/>
      <c r="S146" s="336"/>
      <c r="T146" s="336"/>
      <c r="U146" s="336"/>
      <c r="V146" s="336"/>
      <c r="W146" s="336"/>
      <c r="X146" s="336"/>
      <c r="AO146" s="81"/>
    </row>
    <row r="147" spans="1:41" ht="30" customHeight="1" x14ac:dyDescent="0.4">
      <c r="A147" s="492"/>
      <c r="B147" s="80"/>
      <c r="C147" s="336" t="s">
        <v>617</v>
      </c>
      <c r="D147" s="336"/>
      <c r="E147" s="336"/>
      <c r="F147" s="336" t="s">
        <v>615</v>
      </c>
      <c r="G147" s="336"/>
      <c r="H147" s="336"/>
      <c r="I147" s="336"/>
      <c r="J147" s="336" t="s">
        <v>615</v>
      </c>
      <c r="K147" s="336"/>
      <c r="L147" s="336"/>
      <c r="M147" s="336"/>
      <c r="N147" s="336"/>
      <c r="O147" s="336" t="s">
        <v>616</v>
      </c>
      <c r="P147" s="336"/>
      <c r="Q147" s="336"/>
      <c r="R147" s="336"/>
      <c r="S147" s="336"/>
      <c r="T147" s="336"/>
      <c r="U147" s="336"/>
      <c r="V147" s="336"/>
      <c r="W147" s="336"/>
      <c r="X147" s="336"/>
      <c r="AO147" s="81"/>
    </row>
    <row r="148" spans="1:41" ht="18" customHeight="1" x14ac:dyDescent="0.4">
      <c r="A148" s="492"/>
      <c r="B148" s="18"/>
      <c r="C148" s="19"/>
      <c r="D148" s="19"/>
      <c r="E148" s="19"/>
      <c r="F148" s="19"/>
      <c r="G148" s="19"/>
      <c r="H148" s="19"/>
      <c r="I148" s="19"/>
      <c r="J148" s="19"/>
      <c r="K148" s="19"/>
      <c r="L148" s="19"/>
      <c r="M148" s="19"/>
      <c r="N148" s="19"/>
      <c r="O148" s="19"/>
      <c r="P148" s="19"/>
      <c r="Q148" s="19"/>
      <c r="R148" s="19"/>
      <c r="S148" s="19"/>
      <c r="T148" s="19"/>
      <c r="U148" s="19"/>
      <c r="V148" s="19"/>
      <c r="W148" s="19"/>
      <c r="X148" s="19"/>
      <c r="Y148" s="19"/>
      <c r="Z148" s="19"/>
      <c r="AA148" s="19"/>
      <c r="AB148" s="19"/>
      <c r="AC148" s="19"/>
      <c r="AD148" s="19"/>
      <c r="AE148" s="19"/>
      <c r="AF148" s="19"/>
      <c r="AG148" s="19"/>
      <c r="AH148" s="19"/>
      <c r="AI148" s="19"/>
      <c r="AJ148" s="19"/>
      <c r="AK148" s="19"/>
      <c r="AL148" s="19"/>
      <c r="AM148" s="19"/>
      <c r="AN148" s="19"/>
      <c r="AO148" s="82"/>
    </row>
    <row r="149" spans="1:41" ht="18" customHeight="1" x14ac:dyDescent="0.4">
      <c r="A149" s="473" t="s">
        <v>618</v>
      </c>
      <c r="B149" s="12"/>
      <c r="C149" s="13"/>
      <c r="D149" s="13"/>
      <c r="E149" s="13"/>
      <c r="F149" s="13"/>
      <c r="G149" s="13"/>
      <c r="H149" s="13"/>
      <c r="I149" s="13"/>
      <c r="J149" s="13"/>
      <c r="K149" s="13"/>
      <c r="L149" s="13"/>
      <c r="M149" s="13"/>
      <c r="N149" s="13"/>
      <c r="O149" s="13"/>
      <c r="P149" s="13"/>
      <c r="Q149" s="13"/>
      <c r="R149" s="13"/>
      <c r="S149" s="13"/>
      <c r="T149" s="13"/>
      <c r="U149" s="13"/>
      <c r="V149" s="13"/>
      <c r="W149" s="13"/>
      <c r="X149" s="13"/>
      <c r="Y149" s="13"/>
      <c r="Z149" s="13"/>
      <c r="AA149" s="13"/>
      <c r="AB149" s="13"/>
      <c r="AC149" s="13"/>
      <c r="AD149" s="13"/>
      <c r="AE149" s="13"/>
      <c r="AF149" s="13"/>
      <c r="AG149" s="13"/>
      <c r="AH149" s="13"/>
      <c r="AI149" s="13"/>
      <c r="AJ149" s="13"/>
      <c r="AK149" s="13"/>
      <c r="AL149" s="13"/>
      <c r="AM149" s="13"/>
      <c r="AN149" s="13"/>
      <c r="AO149" s="79"/>
    </row>
    <row r="150" spans="1:41" ht="18" customHeight="1" x14ac:dyDescent="0.4">
      <c r="A150" s="474"/>
      <c r="B150" s="80"/>
      <c r="C150" s="26" t="s">
        <v>619</v>
      </c>
      <c r="AO150" s="81"/>
    </row>
    <row r="151" spans="1:41" ht="18" customHeight="1" x14ac:dyDescent="0.4">
      <c r="A151" s="474"/>
      <c r="B151" s="80"/>
      <c r="C151" s="465" t="s">
        <v>620</v>
      </c>
      <c r="D151" s="469"/>
      <c r="E151" s="469"/>
      <c r="F151" s="469"/>
      <c r="G151" s="469"/>
      <c r="H151" s="469"/>
      <c r="I151" s="470"/>
      <c r="J151" s="295" t="s">
        <v>621</v>
      </c>
      <c r="K151" s="295"/>
      <c r="L151" s="295"/>
      <c r="M151" s="295"/>
      <c r="N151" s="295"/>
      <c r="O151" s="295" t="s">
        <v>622</v>
      </c>
      <c r="P151" s="295"/>
      <c r="Q151" s="295"/>
      <c r="R151" s="295"/>
      <c r="S151" s="295"/>
      <c r="T151" s="295"/>
      <c r="U151" s="295"/>
      <c r="V151" s="295"/>
      <c r="W151" s="295"/>
      <c r="X151" s="295"/>
      <c r="AO151" s="81"/>
    </row>
    <row r="152" spans="1:41" ht="46.5" customHeight="1" x14ac:dyDescent="0.4">
      <c r="A152" s="474"/>
      <c r="B152" s="80"/>
      <c r="C152" s="295"/>
      <c r="D152" s="295"/>
      <c r="E152" s="295"/>
      <c r="F152" s="295"/>
      <c r="G152" s="295"/>
      <c r="H152" s="295"/>
      <c r="I152" s="295"/>
      <c r="J152" s="502" t="s">
        <v>623</v>
      </c>
      <c r="K152" s="502"/>
      <c r="L152" s="502"/>
      <c r="M152" s="502"/>
      <c r="N152" s="502"/>
      <c r="O152" s="502"/>
      <c r="P152" s="502"/>
      <c r="Q152" s="502"/>
      <c r="R152" s="502"/>
      <c r="S152" s="502"/>
      <c r="T152" s="502"/>
      <c r="U152" s="502"/>
      <c r="V152" s="502"/>
      <c r="W152" s="502"/>
      <c r="X152" s="502"/>
      <c r="AO152" s="81"/>
    </row>
    <row r="153" spans="1:41" ht="18" customHeight="1" x14ac:dyDescent="0.4">
      <c r="A153" s="477"/>
      <c r="B153" s="18"/>
      <c r="C153" s="19"/>
      <c r="D153" s="19"/>
      <c r="E153" s="19"/>
      <c r="F153" s="19"/>
      <c r="G153" s="19"/>
      <c r="H153" s="19"/>
      <c r="I153" s="19"/>
      <c r="J153" s="19"/>
      <c r="K153" s="19"/>
      <c r="L153" s="19"/>
      <c r="M153" s="19"/>
      <c r="N153" s="19"/>
      <c r="O153" s="19"/>
      <c r="P153" s="19"/>
      <c r="Q153" s="19"/>
      <c r="R153" s="19"/>
      <c r="S153" s="19"/>
      <c r="T153" s="19"/>
      <c r="U153" s="19"/>
      <c r="V153" s="19"/>
      <c r="W153" s="19"/>
      <c r="X153" s="19"/>
      <c r="Y153" s="19"/>
      <c r="Z153" s="19"/>
      <c r="AA153" s="19"/>
      <c r="AB153" s="19"/>
      <c r="AC153" s="19"/>
      <c r="AD153" s="19"/>
      <c r="AE153" s="19"/>
      <c r="AF153" s="19"/>
      <c r="AG153" s="19"/>
      <c r="AH153" s="19"/>
      <c r="AI153" s="19"/>
      <c r="AJ153" s="19"/>
      <c r="AK153" s="19"/>
      <c r="AL153" s="19"/>
      <c r="AM153" s="19"/>
      <c r="AN153" s="19"/>
      <c r="AO153" s="82"/>
    </row>
    <row r="154" spans="1:41" ht="18" customHeight="1" x14ac:dyDescent="0.4">
      <c r="A154" s="473" t="s">
        <v>624</v>
      </c>
      <c r="B154" s="12"/>
      <c r="C154" s="13"/>
      <c r="D154" s="13"/>
      <c r="E154" s="13"/>
      <c r="F154" s="13"/>
      <c r="G154" s="13"/>
      <c r="H154" s="13"/>
      <c r="I154" s="13"/>
      <c r="J154" s="13"/>
      <c r="K154" s="13"/>
      <c r="L154" s="13"/>
      <c r="M154" s="13"/>
      <c r="N154" s="13"/>
      <c r="O154" s="13"/>
      <c r="P154" s="13"/>
      <c r="Q154" s="13"/>
      <c r="R154" s="13"/>
      <c r="S154" s="13"/>
      <c r="T154" s="13"/>
      <c r="U154" s="13"/>
      <c r="V154" s="13"/>
      <c r="W154" s="13"/>
      <c r="X154" s="13"/>
      <c r="Y154" s="13"/>
      <c r="Z154" s="13"/>
      <c r="AA154" s="13"/>
      <c r="AB154" s="13"/>
      <c r="AC154" s="13"/>
      <c r="AD154" s="13"/>
      <c r="AE154" s="13"/>
      <c r="AF154" s="13"/>
      <c r="AG154" s="13"/>
      <c r="AH154" s="13"/>
      <c r="AI154" s="13"/>
      <c r="AJ154" s="13"/>
      <c r="AK154" s="13"/>
      <c r="AL154" s="13"/>
      <c r="AM154" s="13"/>
      <c r="AN154" s="13"/>
      <c r="AO154" s="79"/>
    </row>
    <row r="155" spans="1:41" ht="18" customHeight="1" x14ac:dyDescent="0.4">
      <c r="A155" s="474"/>
      <c r="B155" s="80"/>
      <c r="C155" s="26" t="s">
        <v>625</v>
      </c>
      <c r="AO155" s="81"/>
    </row>
    <row r="156" spans="1:41" ht="18" customHeight="1" x14ac:dyDescent="0.4">
      <c r="A156" s="474"/>
      <c r="B156" s="80"/>
      <c r="C156" s="295"/>
      <c r="D156" s="295"/>
      <c r="E156" s="295"/>
      <c r="F156" s="295"/>
      <c r="G156" s="295"/>
      <c r="H156" s="295" t="s">
        <v>626</v>
      </c>
      <c r="I156" s="295"/>
      <c r="J156" s="295"/>
      <c r="K156" s="295"/>
      <c r="L156" s="295"/>
      <c r="M156" s="295"/>
      <c r="N156" s="295"/>
      <c r="O156" s="295"/>
      <c r="P156" s="295"/>
      <c r="Q156" s="295"/>
      <c r="R156" s="295" t="s">
        <v>627</v>
      </c>
      <c r="S156" s="295"/>
      <c r="T156" s="295"/>
      <c r="U156" s="295" t="s">
        <v>628</v>
      </c>
      <c r="V156" s="295"/>
      <c r="W156" s="295"/>
      <c r="X156" s="295"/>
      <c r="AO156" s="81"/>
    </row>
    <row r="157" spans="1:41" ht="30" customHeight="1" x14ac:dyDescent="0.4">
      <c r="A157" s="474"/>
      <c r="B157" s="80"/>
      <c r="C157" s="295" t="s">
        <v>629</v>
      </c>
      <c r="D157" s="295"/>
      <c r="E157" s="295"/>
      <c r="F157" s="295"/>
      <c r="G157" s="295"/>
      <c r="H157" s="295"/>
      <c r="I157" s="295"/>
      <c r="J157" s="295"/>
      <c r="K157" s="295"/>
      <c r="L157" s="295"/>
      <c r="M157" s="295"/>
      <c r="N157" s="295"/>
      <c r="O157" s="295"/>
      <c r="P157" s="295"/>
      <c r="Q157" s="295"/>
      <c r="R157" s="545" t="s">
        <v>630</v>
      </c>
      <c r="S157" s="545"/>
      <c r="T157" s="545"/>
      <c r="U157" s="295" t="s">
        <v>616</v>
      </c>
      <c r="V157" s="295"/>
      <c r="W157" s="295"/>
      <c r="X157" s="295"/>
      <c r="AO157" s="81"/>
    </row>
    <row r="158" spans="1:41" ht="30" customHeight="1" x14ac:dyDescent="0.4">
      <c r="A158" s="474"/>
      <c r="B158" s="80"/>
      <c r="C158" s="295" t="s">
        <v>631</v>
      </c>
      <c r="D158" s="295"/>
      <c r="E158" s="295"/>
      <c r="F158" s="295"/>
      <c r="G158" s="295"/>
      <c r="H158" s="295"/>
      <c r="I158" s="295"/>
      <c r="J158" s="295"/>
      <c r="K158" s="295"/>
      <c r="L158" s="295"/>
      <c r="M158" s="295"/>
      <c r="N158" s="295"/>
      <c r="O158" s="295"/>
      <c r="P158" s="295"/>
      <c r="Q158" s="295"/>
      <c r="R158" s="545" t="s">
        <v>1075</v>
      </c>
      <c r="S158" s="545"/>
      <c r="T158" s="545"/>
      <c r="U158" s="295" t="s">
        <v>616</v>
      </c>
      <c r="V158" s="295"/>
      <c r="W158" s="295"/>
      <c r="X158" s="295"/>
      <c r="AO158" s="81"/>
    </row>
    <row r="159" spans="1:41" ht="30" customHeight="1" x14ac:dyDescent="0.4">
      <c r="A159" s="474"/>
      <c r="B159" s="80"/>
      <c r="C159" s="338" t="s">
        <v>632</v>
      </c>
      <c r="D159" s="295"/>
      <c r="E159" s="295"/>
      <c r="F159" s="295"/>
      <c r="G159" s="295"/>
      <c r="H159" s="502"/>
      <c r="I159" s="502"/>
      <c r="J159" s="502"/>
      <c r="K159" s="502"/>
      <c r="L159" s="502"/>
      <c r="M159" s="502"/>
      <c r="N159" s="502"/>
      <c r="O159" s="502"/>
      <c r="P159" s="502"/>
      <c r="Q159" s="502"/>
      <c r="R159" s="502"/>
      <c r="S159" s="502"/>
      <c r="T159" s="502"/>
      <c r="U159" s="502"/>
      <c r="V159" s="502"/>
      <c r="W159" s="502"/>
      <c r="X159" s="502"/>
      <c r="AO159" s="81"/>
    </row>
    <row r="160" spans="1:41" ht="18" customHeight="1" x14ac:dyDescent="0.4">
      <c r="A160" s="477"/>
      <c r="B160" s="18"/>
      <c r="C160" s="19"/>
      <c r="D160" s="19"/>
      <c r="E160" s="19"/>
      <c r="F160" s="19"/>
      <c r="G160" s="19"/>
      <c r="H160" s="19"/>
      <c r="I160" s="19"/>
      <c r="J160" s="19"/>
      <c r="K160" s="19"/>
      <c r="L160" s="19"/>
      <c r="M160" s="19"/>
      <c r="N160" s="19"/>
      <c r="O160" s="19"/>
      <c r="P160" s="19"/>
      <c r="Q160" s="19"/>
      <c r="R160" s="19"/>
      <c r="S160" s="19"/>
      <c r="T160" s="19"/>
      <c r="U160" s="19"/>
      <c r="V160" s="19"/>
      <c r="W160" s="19"/>
      <c r="X160" s="19"/>
      <c r="Y160" s="19"/>
      <c r="Z160" s="19"/>
      <c r="AA160" s="19"/>
      <c r="AB160" s="19"/>
      <c r="AC160" s="19"/>
      <c r="AD160" s="19"/>
      <c r="AE160" s="19"/>
      <c r="AF160" s="19"/>
      <c r="AG160" s="19"/>
      <c r="AH160" s="19"/>
      <c r="AI160" s="19"/>
      <c r="AJ160" s="19"/>
      <c r="AK160" s="19"/>
      <c r="AL160" s="19"/>
      <c r="AM160" s="19"/>
      <c r="AN160" s="19"/>
      <c r="AO160" s="82"/>
    </row>
    <row r="161" spans="1:41" ht="18" customHeight="1" x14ac:dyDescent="0.4">
      <c r="A161" s="473" t="s">
        <v>1143</v>
      </c>
      <c r="B161" s="12"/>
      <c r="C161" s="13"/>
      <c r="D161" s="13"/>
      <c r="E161" s="13"/>
      <c r="F161" s="13"/>
      <c r="G161" s="13"/>
      <c r="H161" s="13"/>
      <c r="I161" s="13"/>
      <c r="J161" s="13"/>
      <c r="K161" s="13"/>
      <c r="L161" s="13"/>
      <c r="M161" s="13"/>
      <c r="N161" s="13"/>
      <c r="O161" s="13"/>
      <c r="P161" s="13"/>
      <c r="Q161" s="13"/>
      <c r="R161" s="13"/>
      <c r="S161" s="13"/>
      <c r="T161" s="13"/>
      <c r="U161" s="13"/>
      <c r="V161" s="13"/>
      <c r="W161" s="13"/>
      <c r="X161" s="13"/>
      <c r="Y161" s="13"/>
      <c r="Z161" s="13"/>
      <c r="AA161" s="13"/>
      <c r="AB161" s="13"/>
      <c r="AC161" s="13"/>
      <c r="AD161" s="13"/>
      <c r="AE161" s="13"/>
      <c r="AF161" s="13"/>
      <c r="AG161" s="13"/>
      <c r="AH161" s="13"/>
      <c r="AI161" s="13"/>
      <c r="AJ161" s="13"/>
      <c r="AK161" s="13"/>
      <c r="AL161" s="13"/>
      <c r="AM161" s="13"/>
      <c r="AN161" s="13"/>
      <c r="AO161" s="79"/>
    </row>
    <row r="162" spans="1:41" ht="18" customHeight="1" x14ac:dyDescent="0.4">
      <c r="A162" s="474"/>
      <c r="B162" s="80"/>
      <c r="C162" s="465" t="s">
        <v>1060</v>
      </c>
      <c r="D162" s="469"/>
      <c r="E162" s="469"/>
      <c r="F162" s="469"/>
      <c r="G162" s="469"/>
      <c r="H162" s="470"/>
      <c r="I162" s="465" t="s">
        <v>633</v>
      </c>
      <c r="J162" s="469"/>
      <c r="K162" s="469"/>
      <c r="L162" s="469"/>
      <c r="M162" s="469"/>
      <c r="N162" s="470"/>
      <c r="O162" s="465" t="s">
        <v>634</v>
      </c>
      <c r="P162" s="469"/>
      <c r="Q162" s="469"/>
      <c r="R162" s="469"/>
      <c r="S162" s="469"/>
      <c r="T162" s="470"/>
      <c r="U162" s="550"/>
      <c r="V162" s="301"/>
      <c r="W162" s="301"/>
      <c r="X162" s="301"/>
      <c r="Y162" s="301"/>
      <c r="Z162" s="301"/>
      <c r="AO162" s="81"/>
    </row>
    <row r="163" spans="1:41" ht="18" customHeight="1" x14ac:dyDescent="0.4">
      <c r="A163" s="474"/>
      <c r="B163" s="80"/>
      <c r="C163" s="364"/>
      <c r="D163" s="364"/>
      <c r="E163" s="364"/>
      <c r="F163" s="364"/>
      <c r="G163" s="364"/>
      <c r="H163" s="364"/>
      <c r="I163" s="364"/>
      <c r="J163" s="364"/>
      <c r="K163" s="364"/>
      <c r="L163" s="364"/>
      <c r="M163" s="364"/>
      <c r="N163" s="364"/>
      <c r="O163" s="301"/>
      <c r="P163" s="301"/>
      <c r="Q163" s="301"/>
      <c r="R163" s="301"/>
      <c r="S163" s="301"/>
      <c r="T163" s="301"/>
      <c r="AO163" s="81"/>
    </row>
    <row r="164" spans="1:41" ht="18" customHeight="1" x14ac:dyDescent="0.4">
      <c r="A164" s="477"/>
      <c r="B164" s="18"/>
      <c r="C164" s="19"/>
      <c r="D164" s="19"/>
      <c r="E164" s="19"/>
      <c r="F164" s="19"/>
      <c r="G164" s="19"/>
      <c r="H164" s="19"/>
      <c r="I164" s="19"/>
      <c r="J164" s="19"/>
      <c r="K164" s="19"/>
      <c r="L164" s="19"/>
      <c r="M164" s="19"/>
      <c r="N164" s="19"/>
      <c r="O164" s="19"/>
      <c r="P164" s="19"/>
      <c r="Q164" s="19"/>
      <c r="R164" s="19"/>
      <c r="S164" s="19"/>
      <c r="T164" s="19"/>
      <c r="U164" s="19"/>
      <c r="V164" s="19"/>
      <c r="W164" s="19"/>
      <c r="X164" s="19"/>
      <c r="Y164" s="19"/>
      <c r="Z164" s="19"/>
      <c r="AA164" s="19"/>
      <c r="AB164" s="19"/>
      <c r="AC164" s="19"/>
      <c r="AD164" s="19"/>
      <c r="AE164" s="19"/>
      <c r="AF164" s="19"/>
      <c r="AG164" s="19"/>
      <c r="AH164" s="19"/>
      <c r="AI164" s="19"/>
      <c r="AJ164" s="19"/>
      <c r="AK164" s="19"/>
      <c r="AL164" s="19"/>
      <c r="AM164" s="19"/>
      <c r="AN164" s="19"/>
      <c r="AO164" s="82"/>
    </row>
    <row r="165" spans="1:41" ht="18" customHeight="1" x14ac:dyDescent="0.4">
      <c r="A165" s="473" t="s">
        <v>635</v>
      </c>
      <c r="B165" s="12"/>
      <c r="C165" s="13"/>
      <c r="D165" s="13"/>
      <c r="E165" s="13"/>
      <c r="F165" s="13"/>
      <c r="G165" s="13"/>
      <c r="H165" s="13"/>
      <c r="I165" s="13"/>
      <c r="J165" s="13"/>
      <c r="K165" s="13"/>
      <c r="L165" s="13"/>
      <c r="M165" s="13"/>
      <c r="N165" s="13"/>
      <c r="O165" s="13"/>
      <c r="P165" s="13"/>
      <c r="Q165" s="13"/>
      <c r="R165" s="13"/>
      <c r="S165" s="13"/>
      <c r="T165" s="13"/>
      <c r="U165" s="13"/>
      <c r="V165" s="13"/>
      <c r="W165" s="13"/>
      <c r="X165" s="13"/>
      <c r="Y165" s="13"/>
      <c r="Z165" s="13"/>
      <c r="AA165" s="13"/>
      <c r="AB165" s="13"/>
      <c r="AC165" s="13"/>
      <c r="AD165" s="13"/>
      <c r="AE165" s="13"/>
      <c r="AF165" s="13"/>
      <c r="AG165" s="13"/>
      <c r="AH165" s="13"/>
      <c r="AI165" s="13"/>
      <c r="AJ165" s="13"/>
      <c r="AK165" s="13"/>
      <c r="AL165" s="13"/>
      <c r="AM165" s="13"/>
      <c r="AN165" s="13"/>
      <c r="AO165" s="79"/>
    </row>
    <row r="166" spans="1:41" ht="18" customHeight="1" x14ac:dyDescent="0.4">
      <c r="A166" s="474"/>
      <c r="B166" s="80"/>
      <c r="C166" s="295" t="s">
        <v>636</v>
      </c>
      <c r="D166" s="295"/>
      <c r="E166" s="295"/>
      <c r="F166" s="295"/>
      <c r="G166" s="295"/>
      <c r="H166" s="295"/>
      <c r="I166" s="295"/>
      <c r="J166" s="295"/>
      <c r="K166" s="295"/>
      <c r="L166" s="295"/>
      <c r="M166" s="295"/>
      <c r="N166" s="295" t="s">
        <v>637</v>
      </c>
      <c r="O166" s="295"/>
      <c r="P166" s="295"/>
      <c r="Q166" s="295"/>
      <c r="R166" s="295"/>
      <c r="S166" s="295"/>
      <c r="T166" s="295"/>
      <c r="U166" s="295"/>
      <c r="V166" s="295"/>
      <c r="W166" s="295"/>
      <c r="X166" s="295"/>
      <c r="AO166" s="81"/>
    </row>
    <row r="167" spans="1:41" ht="18" customHeight="1" x14ac:dyDescent="0.4">
      <c r="A167" s="474"/>
      <c r="B167" s="80"/>
      <c r="C167" s="295" t="s">
        <v>638</v>
      </c>
      <c r="D167" s="295"/>
      <c r="E167" s="295"/>
      <c r="F167" s="295"/>
      <c r="G167" s="295"/>
      <c r="H167" s="295"/>
      <c r="I167" s="295"/>
      <c r="J167" s="295"/>
      <c r="K167" s="295"/>
      <c r="L167" s="295"/>
      <c r="M167" s="295"/>
      <c r="N167" s="295" t="s">
        <v>637</v>
      </c>
      <c r="O167" s="295"/>
      <c r="P167" s="295"/>
      <c r="Q167" s="295"/>
      <c r="R167" s="295"/>
      <c r="S167" s="295"/>
      <c r="T167" s="295"/>
      <c r="U167" s="295"/>
      <c r="V167" s="295"/>
      <c r="W167" s="295"/>
      <c r="X167" s="295"/>
      <c r="AO167" s="81"/>
    </row>
    <row r="168" spans="1:41" ht="18" customHeight="1" x14ac:dyDescent="0.4">
      <c r="A168" s="474"/>
      <c r="B168" s="80"/>
      <c r="C168" s="295" t="s">
        <v>639</v>
      </c>
      <c r="D168" s="295"/>
      <c r="E168" s="295"/>
      <c r="F168" s="295"/>
      <c r="G168" s="295"/>
      <c r="H168" s="295"/>
      <c r="I168" s="295"/>
      <c r="J168" s="295"/>
      <c r="K168" s="295"/>
      <c r="L168" s="295"/>
      <c r="M168" s="295"/>
      <c r="N168" s="295" t="s">
        <v>637</v>
      </c>
      <c r="O168" s="295"/>
      <c r="P168" s="295"/>
      <c r="Q168" s="295"/>
      <c r="R168" s="295"/>
      <c r="S168" s="295"/>
      <c r="T168" s="295"/>
      <c r="U168" s="295"/>
      <c r="V168" s="295"/>
      <c r="W168" s="295"/>
      <c r="X168" s="295"/>
      <c r="AO168" s="81"/>
    </row>
    <row r="169" spans="1:41" ht="18" customHeight="1" x14ac:dyDescent="0.4">
      <c r="A169" s="474"/>
      <c r="B169" s="80"/>
      <c r="C169" s="295" t="s">
        <v>640</v>
      </c>
      <c r="D169" s="295"/>
      <c r="E169" s="295"/>
      <c r="F169" s="295"/>
      <c r="G169" s="295"/>
      <c r="H169" s="295"/>
      <c r="I169" s="295"/>
      <c r="J169" s="295"/>
      <c r="K169" s="295"/>
      <c r="L169" s="295"/>
      <c r="M169" s="295"/>
      <c r="N169" s="295" t="s">
        <v>641</v>
      </c>
      <c r="O169" s="295"/>
      <c r="P169" s="295"/>
      <c r="Q169" s="295"/>
      <c r="R169" s="295"/>
      <c r="S169" s="295"/>
      <c r="T169" s="295"/>
      <c r="U169" s="295"/>
      <c r="V169" s="295"/>
      <c r="W169" s="295"/>
      <c r="X169" s="295"/>
      <c r="AO169" s="81"/>
    </row>
    <row r="170" spans="1:41" ht="18" customHeight="1" x14ac:dyDescent="0.4">
      <c r="A170" s="474"/>
      <c r="B170" s="80"/>
      <c r="C170" s="295" t="s">
        <v>642</v>
      </c>
      <c r="D170" s="295"/>
      <c r="E170" s="295"/>
      <c r="F170" s="295"/>
      <c r="G170" s="295"/>
      <c r="H170" s="295"/>
      <c r="I170" s="295"/>
      <c r="J170" s="295"/>
      <c r="K170" s="295"/>
      <c r="L170" s="295"/>
      <c r="M170" s="295"/>
      <c r="N170" s="295" t="s">
        <v>637</v>
      </c>
      <c r="O170" s="295"/>
      <c r="P170" s="295"/>
      <c r="Q170" s="295"/>
      <c r="R170" s="295"/>
      <c r="S170" s="295"/>
      <c r="T170" s="295"/>
      <c r="U170" s="295"/>
      <c r="V170" s="295"/>
      <c r="W170" s="295"/>
      <c r="X170" s="295"/>
      <c r="AO170" s="81"/>
    </row>
    <row r="171" spans="1:41" ht="18" customHeight="1" x14ac:dyDescent="0.4">
      <c r="A171" s="477"/>
      <c r="B171" s="18"/>
      <c r="C171" s="19"/>
      <c r="D171" s="19"/>
      <c r="E171" s="19"/>
      <c r="F171" s="19"/>
      <c r="G171" s="19"/>
      <c r="H171" s="19"/>
      <c r="I171" s="19"/>
      <c r="J171" s="19"/>
      <c r="K171" s="19"/>
      <c r="L171" s="19"/>
      <c r="M171" s="19"/>
      <c r="N171" s="19"/>
      <c r="O171" s="19"/>
      <c r="P171" s="19"/>
      <c r="Q171" s="19"/>
      <c r="R171" s="19"/>
      <c r="S171" s="19"/>
      <c r="T171" s="19"/>
      <c r="U171" s="19"/>
      <c r="V171" s="19"/>
      <c r="W171" s="19"/>
      <c r="X171" s="19"/>
      <c r="Y171" s="19"/>
      <c r="Z171" s="19"/>
      <c r="AA171" s="19"/>
      <c r="AB171" s="19"/>
      <c r="AC171" s="19"/>
      <c r="AD171" s="19"/>
      <c r="AE171" s="19"/>
      <c r="AF171" s="19"/>
      <c r="AG171" s="19"/>
      <c r="AH171" s="19"/>
      <c r="AI171" s="19"/>
      <c r="AJ171" s="19"/>
      <c r="AK171" s="19"/>
      <c r="AL171" s="19"/>
      <c r="AM171" s="19"/>
      <c r="AN171" s="19"/>
      <c r="AO171" s="82"/>
    </row>
    <row r="172" spans="1:41" ht="18" customHeight="1" x14ac:dyDescent="0.4">
      <c r="A172" s="473" t="s">
        <v>643</v>
      </c>
      <c r="B172" s="12"/>
      <c r="C172" s="13"/>
      <c r="D172" s="13"/>
      <c r="E172" s="13"/>
      <c r="F172" s="13"/>
      <c r="G172" s="13"/>
      <c r="H172" s="13"/>
      <c r="I172" s="13"/>
      <c r="J172" s="13"/>
      <c r="K172" s="13"/>
      <c r="L172" s="13"/>
      <c r="M172" s="13"/>
      <c r="N172" s="13"/>
      <c r="O172" s="13"/>
      <c r="P172" s="13"/>
      <c r="Q172" s="13"/>
      <c r="R172" s="13"/>
      <c r="S172" s="13"/>
      <c r="T172" s="13"/>
      <c r="U172" s="13"/>
      <c r="V172" s="13"/>
      <c r="W172" s="13"/>
      <c r="X172" s="13"/>
      <c r="Y172" s="13"/>
      <c r="Z172" s="13"/>
      <c r="AA172" s="13"/>
      <c r="AB172" s="13"/>
      <c r="AC172" s="13"/>
      <c r="AD172" s="13"/>
      <c r="AE172" s="13"/>
      <c r="AF172" s="13"/>
      <c r="AG172" s="13"/>
      <c r="AH172" s="13"/>
      <c r="AI172" s="13"/>
      <c r="AJ172" s="13"/>
      <c r="AK172" s="13"/>
      <c r="AL172" s="13"/>
      <c r="AM172" s="13"/>
      <c r="AN172" s="13"/>
      <c r="AO172" s="79"/>
    </row>
    <row r="173" spans="1:41" ht="18" customHeight="1" x14ac:dyDescent="0.4">
      <c r="A173" s="474"/>
      <c r="B173" s="80"/>
      <c r="W173" s="157" t="s">
        <v>582</v>
      </c>
      <c r="AO173" s="81"/>
    </row>
    <row r="174" spans="1:41" ht="18" customHeight="1" x14ac:dyDescent="0.4">
      <c r="A174" s="474"/>
      <c r="B174" s="80"/>
      <c r="C174" s="575"/>
      <c r="D174" s="576"/>
      <c r="E174" s="576"/>
      <c r="F174" s="576"/>
      <c r="G174" s="577"/>
      <c r="H174" s="540" t="s">
        <v>644</v>
      </c>
      <c r="I174" s="541"/>
      <c r="J174" s="541"/>
      <c r="K174" s="541"/>
      <c r="L174" s="541"/>
      <c r="M174" s="541"/>
      <c r="N174" s="541"/>
      <c r="O174" s="542"/>
      <c r="P174" s="540" t="s">
        <v>645</v>
      </c>
      <c r="Q174" s="541"/>
      <c r="R174" s="541"/>
      <c r="S174" s="541"/>
      <c r="T174" s="541"/>
      <c r="U174" s="541"/>
      <c r="V174" s="541"/>
      <c r="W174" s="542"/>
      <c r="AO174" s="81"/>
    </row>
    <row r="175" spans="1:41" ht="18" customHeight="1" x14ac:dyDescent="0.4">
      <c r="A175" s="474"/>
      <c r="B175" s="80"/>
      <c r="C175" s="575" t="s">
        <v>646</v>
      </c>
      <c r="D175" s="576"/>
      <c r="E175" s="576"/>
      <c r="F175" s="576"/>
      <c r="G175" s="577"/>
      <c r="H175" s="575" t="s">
        <v>647</v>
      </c>
      <c r="I175" s="576"/>
      <c r="J175" s="576"/>
      <c r="K175" s="576"/>
      <c r="L175" s="576"/>
      <c r="M175" s="576"/>
      <c r="N175" s="576"/>
      <c r="O175" s="576"/>
      <c r="P175" s="575" t="s">
        <v>647</v>
      </c>
      <c r="Q175" s="576"/>
      <c r="R175" s="576"/>
      <c r="S175" s="576"/>
      <c r="T175" s="576"/>
      <c r="U175" s="576"/>
      <c r="V175" s="576"/>
      <c r="W175" s="577"/>
      <c r="AO175" s="81"/>
    </row>
    <row r="176" spans="1:41" ht="18" customHeight="1" x14ac:dyDescent="0.4">
      <c r="A176" s="474"/>
      <c r="B176" s="80"/>
      <c r="C176" s="578"/>
      <c r="D176" s="579"/>
      <c r="E176" s="579"/>
      <c r="F176" s="579"/>
      <c r="G176" s="580"/>
      <c r="H176" s="578" t="s">
        <v>647</v>
      </c>
      <c r="I176" s="579"/>
      <c r="J176" s="579"/>
      <c r="K176" s="579"/>
      <c r="L176" s="579"/>
      <c r="M176" s="579"/>
      <c r="N176" s="579"/>
      <c r="O176" s="579"/>
      <c r="P176" s="578" t="s">
        <v>647</v>
      </c>
      <c r="Q176" s="579"/>
      <c r="R176" s="579"/>
      <c r="S176" s="579"/>
      <c r="T176" s="579"/>
      <c r="U176" s="579"/>
      <c r="V176" s="579"/>
      <c r="W176" s="580"/>
      <c r="AO176" s="81"/>
    </row>
    <row r="177" spans="1:41" ht="18" customHeight="1" x14ac:dyDescent="0.4">
      <c r="A177" s="477"/>
      <c r="B177" s="18"/>
      <c r="C177" s="19"/>
      <c r="D177" s="19"/>
      <c r="E177" s="19"/>
      <c r="F177" s="19"/>
      <c r="G177" s="19"/>
      <c r="H177" s="19"/>
      <c r="I177" s="19"/>
      <c r="J177" s="19"/>
      <c r="K177" s="19"/>
      <c r="L177" s="19"/>
      <c r="M177" s="19"/>
      <c r="N177" s="19"/>
      <c r="O177" s="19"/>
      <c r="P177" s="19"/>
      <c r="Q177" s="19"/>
      <c r="R177" s="19"/>
      <c r="S177" s="19"/>
      <c r="T177" s="19"/>
      <c r="U177" s="19"/>
      <c r="V177" s="19"/>
      <c r="W177" s="19"/>
      <c r="X177" s="19"/>
      <c r="Y177" s="19"/>
      <c r="Z177" s="19"/>
      <c r="AA177" s="19"/>
      <c r="AB177" s="19"/>
      <c r="AC177" s="19"/>
      <c r="AD177" s="19"/>
      <c r="AE177" s="19"/>
      <c r="AF177" s="19"/>
      <c r="AG177" s="19"/>
      <c r="AH177" s="19"/>
      <c r="AI177" s="19"/>
      <c r="AJ177" s="19"/>
      <c r="AK177" s="19"/>
      <c r="AL177" s="19"/>
      <c r="AM177" s="19"/>
      <c r="AN177" s="19"/>
      <c r="AO177" s="82"/>
    </row>
    <row r="178" spans="1:41" ht="18" customHeight="1" x14ac:dyDescent="0.4">
      <c r="A178" s="492" t="s">
        <v>648</v>
      </c>
      <c r="B178" s="12"/>
      <c r="C178" s="13"/>
      <c r="D178" s="13"/>
      <c r="E178" s="13"/>
      <c r="F178" s="13"/>
      <c r="G178" s="13"/>
      <c r="H178" s="13"/>
      <c r="I178" s="13"/>
      <c r="J178" s="13"/>
      <c r="K178" s="13"/>
      <c r="L178" s="13"/>
      <c r="M178" s="13"/>
      <c r="N178" s="13"/>
      <c r="O178" s="13"/>
      <c r="P178" s="13"/>
      <c r="Q178" s="13"/>
      <c r="R178" s="13"/>
      <c r="S178" s="13"/>
      <c r="T178" s="13"/>
      <c r="U178" s="13"/>
      <c r="V178" s="13"/>
      <c r="W178" s="13"/>
      <c r="X178" s="13"/>
      <c r="Y178" s="13"/>
      <c r="Z178" s="13"/>
      <c r="AA178" s="13"/>
      <c r="AB178" s="13"/>
      <c r="AC178" s="13"/>
      <c r="AD178" s="13"/>
      <c r="AE178" s="13"/>
      <c r="AF178" s="13"/>
      <c r="AG178" s="13"/>
      <c r="AH178" s="13"/>
      <c r="AI178" s="13"/>
      <c r="AJ178" s="13"/>
      <c r="AK178" s="13"/>
      <c r="AL178" s="13"/>
      <c r="AM178" s="13"/>
      <c r="AN178" s="13"/>
      <c r="AO178" s="79"/>
    </row>
    <row r="179" spans="1:41" ht="18" customHeight="1" x14ac:dyDescent="0.4">
      <c r="A179" s="492"/>
      <c r="B179" s="80"/>
      <c r="X179" s="157" t="s">
        <v>649</v>
      </c>
      <c r="AO179" s="81"/>
    </row>
    <row r="180" spans="1:41" ht="18" customHeight="1" x14ac:dyDescent="0.4">
      <c r="A180" s="492"/>
      <c r="B180" s="80"/>
      <c r="C180" s="574" t="s">
        <v>650</v>
      </c>
      <c r="D180" s="574"/>
      <c r="E180" s="574"/>
      <c r="F180" s="574"/>
      <c r="G180" s="574"/>
      <c r="H180" s="574"/>
      <c r="I180" s="574" t="s">
        <v>651</v>
      </c>
      <c r="J180" s="574"/>
      <c r="K180" s="574"/>
      <c r="L180" s="574"/>
      <c r="M180" s="574"/>
      <c r="N180" s="574"/>
      <c r="O180" s="574" t="s">
        <v>652</v>
      </c>
      <c r="P180" s="574"/>
      <c r="Q180" s="574"/>
      <c r="R180" s="574"/>
      <c r="S180" s="574"/>
      <c r="T180" s="574"/>
      <c r="U180" s="574"/>
      <c r="V180" s="574" t="s">
        <v>653</v>
      </c>
      <c r="W180" s="574"/>
      <c r="X180" s="574"/>
      <c r="AO180" s="81"/>
    </row>
    <row r="181" spans="1:41" ht="18" customHeight="1" x14ac:dyDescent="0.4">
      <c r="A181" s="492"/>
      <c r="B181" s="80"/>
      <c r="C181" s="573" t="s">
        <v>654</v>
      </c>
      <c r="D181" s="573"/>
      <c r="E181" s="573"/>
      <c r="F181" s="573"/>
      <c r="G181" s="573"/>
      <c r="H181" s="573"/>
      <c r="I181" s="581"/>
      <c r="J181" s="581"/>
      <c r="K181" s="581"/>
      <c r="L181" s="581"/>
      <c r="M181" s="581"/>
      <c r="N181" s="581"/>
      <c r="O181" s="581" t="s">
        <v>655</v>
      </c>
      <c r="P181" s="581"/>
      <c r="Q181" s="581"/>
      <c r="R181" s="581"/>
      <c r="S181" s="581"/>
      <c r="T181" s="581"/>
      <c r="U181" s="581"/>
      <c r="V181" s="581" t="s">
        <v>656</v>
      </c>
      <c r="W181" s="581"/>
      <c r="X181" s="581"/>
      <c r="AO181" s="81"/>
    </row>
    <row r="182" spans="1:41" ht="18" customHeight="1" x14ac:dyDescent="0.4">
      <c r="A182" s="492"/>
      <c r="B182" s="80"/>
      <c r="C182" s="573" t="s">
        <v>654</v>
      </c>
      <c r="D182" s="573"/>
      <c r="E182" s="573"/>
      <c r="F182" s="573"/>
      <c r="G182" s="573"/>
      <c r="H182" s="573"/>
      <c r="I182" s="581"/>
      <c r="J182" s="581"/>
      <c r="K182" s="581"/>
      <c r="L182" s="581"/>
      <c r="M182" s="581"/>
      <c r="N182" s="581"/>
      <c r="O182" s="581" t="s">
        <v>655</v>
      </c>
      <c r="P182" s="581"/>
      <c r="Q182" s="581"/>
      <c r="R182" s="581"/>
      <c r="S182" s="581"/>
      <c r="T182" s="581"/>
      <c r="U182" s="581"/>
      <c r="V182" s="581" t="s">
        <v>656</v>
      </c>
      <c r="W182" s="581"/>
      <c r="X182" s="581"/>
      <c r="AO182" s="81"/>
    </row>
    <row r="183" spans="1:41" ht="18" customHeight="1" x14ac:dyDescent="0.4">
      <c r="A183" s="492"/>
      <c r="B183" s="80"/>
      <c r="C183" s="573" t="s">
        <v>654</v>
      </c>
      <c r="D183" s="573"/>
      <c r="E183" s="573"/>
      <c r="F183" s="573"/>
      <c r="G183" s="573"/>
      <c r="H183" s="573"/>
      <c r="I183" s="581"/>
      <c r="J183" s="581"/>
      <c r="K183" s="581"/>
      <c r="L183" s="581"/>
      <c r="M183" s="581"/>
      <c r="N183" s="581"/>
      <c r="O183" s="581" t="s">
        <v>655</v>
      </c>
      <c r="P183" s="581"/>
      <c r="Q183" s="581"/>
      <c r="R183" s="581"/>
      <c r="S183" s="581"/>
      <c r="T183" s="581"/>
      <c r="U183" s="581"/>
      <c r="V183" s="581" t="s">
        <v>656</v>
      </c>
      <c r="W183" s="581"/>
      <c r="X183" s="581"/>
      <c r="AO183" s="81"/>
    </row>
    <row r="184" spans="1:41" ht="18" customHeight="1" x14ac:dyDescent="0.4">
      <c r="A184" s="492"/>
      <c r="B184" s="18"/>
      <c r="C184" s="19"/>
      <c r="D184" s="19"/>
      <c r="E184" s="19"/>
      <c r="F184" s="19"/>
      <c r="G184" s="19"/>
      <c r="H184" s="19"/>
      <c r="I184" s="19"/>
      <c r="J184" s="19"/>
      <c r="K184" s="19"/>
      <c r="L184" s="19"/>
      <c r="M184" s="19"/>
      <c r="N184" s="19"/>
      <c r="O184" s="19"/>
      <c r="P184" s="19"/>
      <c r="Q184" s="19"/>
      <c r="R184" s="19"/>
      <c r="S184" s="19"/>
      <c r="T184" s="19"/>
      <c r="U184" s="19"/>
      <c r="V184" s="19"/>
      <c r="W184" s="19"/>
      <c r="X184" s="19"/>
      <c r="Y184" s="19"/>
      <c r="Z184" s="19"/>
      <c r="AA184" s="19"/>
      <c r="AB184" s="19"/>
      <c r="AC184" s="19"/>
      <c r="AD184" s="19"/>
      <c r="AE184" s="19"/>
      <c r="AF184" s="19"/>
      <c r="AG184" s="19"/>
      <c r="AH184" s="19"/>
      <c r="AI184" s="19"/>
      <c r="AJ184" s="19"/>
      <c r="AK184" s="19"/>
      <c r="AL184" s="19"/>
      <c r="AM184" s="19"/>
      <c r="AN184" s="19"/>
      <c r="AO184" s="82"/>
    </row>
    <row r="185" spans="1:41" ht="18" customHeight="1" x14ac:dyDescent="0.4">
      <c r="A185" s="492" t="s">
        <v>657</v>
      </c>
      <c r="B185" s="12"/>
      <c r="C185" s="13"/>
      <c r="D185" s="13"/>
      <c r="E185" s="13"/>
      <c r="F185" s="13"/>
      <c r="G185" s="13"/>
      <c r="H185" s="13"/>
      <c r="I185" s="13"/>
      <c r="J185" s="13"/>
      <c r="K185" s="13"/>
      <c r="L185" s="13"/>
      <c r="M185" s="13"/>
      <c r="N185" s="13"/>
      <c r="O185" s="13"/>
      <c r="P185" s="13"/>
      <c r="Q185" s="13"/>
      <c r="R185" s="13"/>
      <c r="S185" s="13"/>
      <c r="T185" s="13"/>
      <c r="U185" s="13"/>
      <c r="V185" s="13"/>
      <c r="W185" s="13"/>
      <c r="X185" s="13"/>
      <c r="Y185" s="13"/>
      <c r="Z185" s="13"/>
      <c r="AA185" s="13"/>
      <c r="AB185" s="13"/>
      <c r="AC185" s="13"/>
      <c r="AD185" s="13"/>
      <c r="AE185" s="13"/>
      <c r="AF185" s="13"/>
      <c r="AG185" s="13"/>
      <c r="AH185" s="13"/>
      <c r="AI185" s="13"/>
      <c r="AJ185" s="13"/>
      <c r="AK185" s="13"/>
      <c r="AL185" s="13"/>
      <c r="AM185" s="13"/>
      <c r="AN185" s="13"/>
      <c r="AO185" s="79"/>
    </row>
    <row r="186" spans="1:41" ht="18" customHeight="1" x14ac:dyDescent="0.4">
      <c r="A186" s="492"/>
      <c r="B186" s="80"/>
      <c r="C186" s="502" t="s">
        <v>658</v>
      </c>
      <c r="D186" s="502"/>
      <c r="E186" s="502"/>
      <c r="F186" s="502"/>
      <c r="G186" s="502"/>
      <c r="H186" s="502"/>
      <c r="I186" s="502"/>
      <c r="J186" s="502"/>
      <c r="K186" s="502"/>
      <c r="L186" s="295" t="s">
        <v>659</v>
      </c>
      <c r="M186" s="295"/>
      <c r="N186" s="295"/>
      <c r="O186" s="295"/>
      <c r="P186" s="295"/>
      <c r="Q186" s="295"/>
      <c r="R186" s="295"/>
      <c r="S186" s="295"/>
      <c r="AO186" s="81"/>
    </row>
    <row r="187" spans="1:41" ht="18" customHeight="1" x14ac:dyDescent="0.4">
      <c r="A187" s="492"/>
      <c r="B187" s="80"/>
      <c r="C187" s="502" t="s">
        <v>660</v>
      </c>
      <c r="D187" s="502"/>
      <c r="E187" s="502"/>
      <c r="F187" s="502"/>
      <c r="G187" s="502"/>
      <c r="H187" s="502"/>
      <c r="I187" s="502"/>
      <c r="J187" s="502"/>
      <c r="K187" s="502"/>
      <c r="L187" s="295" t="s">
        <v>659</v>
      </c>
      <c r="M187" s="295"/>
      <c r="N187" s="295"/>
      <c r="O187" s="295"/>
      <c r="P187" s="295"/>
      <c r="Q187" s="295"/>
      <c r="R187" s="295"/>
      <c r="S187" s="295"/>
      <c r="AO187" s="81"/>
    </row>
    <row r="188" spans="1:41" ht="18" customHeight="1" x14ac:dyDescent="0.4">
      <c r="A188" s="492"/>
      <c r="B188" s="80"/>
      <c r="C188" s="502" t="s">
        <v>661</v>
      </c>
      <c r="D188" s="502"/>
      <c r="E188" s="502"/>
      <c r="F188" s="502"/>
      <c r="G188" s="502"/>
      <c r="H188" s="502"/>
      <c r="I188" s="502"/>
      <c r="J188" s="502"/>
      <c r="K188" s="502"/>
      <c r="L188" s="295" t="s">
        <v>659</v>
      </c>
      <c r="M188" s="295"/>
      <c r="N188" s="295"/>
      <c r="O188" s="295"/>
      <c r="P188" s="295"/>
      <c r="Q188" s="295"/>
      <c r="R188" s="295"/>
      <c r="S188" s="295"/>
      <c r="AO188" s="81"/>
    </row>
    <row r="189" spans="1:41" ht="18" customHeight="1" x14ac:dyDescent="0.4">
      <c r="A189" s="492"/>
      <c r="B189" s="80"/>
      <c r="C189" s="502" t="s">
        <v>662</v>
      </c>
      <c r="D189" s="502"/>
      <c r="E189" s="502"/>
      <c r="F189" s="502"/>
      <c r="G189" s="502"/>
      <c r="H189" s="502"/>
      <c r="I189" s="502"/>
      <c r="J189" s="502"/>
      <c r="K189" s="502"/>
      <c r="L189" s="295" t="s">
        <v>659</v>
      </c>
      <c r="M189" s="295"/>
      <c r="N189" s="295"/>
      <c r="O189" s="295"/>
      <c r="P189" s="295"/>
      <c r="Q189" s="295"/>
      <c r="R189" s="295"/>
      <c r="S189" s="295"/>
      <c r="AO189" s="81"/>
    </row>
    <row r="190" spans="1:41" ht="18" customHeight="1" x14ac:dyDescent="0.4">
      <c r="A190" s="492"/>
      <c r="B190" s="18"/>
      <c r="C190" s="19"/>
      <c r="D190" s="19"/>
      <c r="E190" s="19"/>
      <c r="F190" s="19"/>
      <c r="G190" s="19"/>
      <c r="H190" s="19"/>
      <c r="I190" s="19"/>
      <c r="J190" s="19"/>
      <c r="K190" s="19"/>
      <c r="L190" s="19"/>
      <c r="M190" s="19"/>
      <c r="N190" s="19"/>
      <c r="O190" s="19"/>
      <c r="P190" s="19"/>
      <c r="Q190" s="19"/>
      <c r="R190" s="19"/>
      <c r="S190" s="19"/>
      <c r="T190" s="19"/>
      <c r="U190" s="19"/>
      <c r="V190" s="19"/>
      <c r="W190" s="19"/>
      <c r="X190" s="19"/>
      <c r="Y190" s="19"/>
      <c r="Z190" s="19"/>
      <c r="AA190" s="19"/>
      <c r="AB190" s="19"/>
      <c r="AC190" s="19"/>
      <c r="AD190" s="19"/>
      <c r="AE190" s="19"/>
      <c r="AF190" s="19"/>
      <c r="AG190" s="19"/>
      <c r="AH190" s="19"/>
      <c r="AI190" s="19"/>
      <c r="AJ190" s="19"/>
      <c r="AK190" s="19"/>
      <c r="AL190" s="19"/>
      <c r="AM190" s="19"/>
      <c r="AN190" s="19"/>
      <c r="AO190" s="82"/>
    </row>
    <row r="191" spans="1:41" ht="18" customHeight="1" x14ac:dyDescent="0.4">
      <c r="A191" s="492" t="s">
        <v>663</v>
      </c>
      <c r="B191" s="12"/>
      <c r="C191" s="13"/>
      <c r="D191" s="13"/>
      <c r="E191" s="13"/>
      <c r="F191" s="13"/>
      <c r="G191" s="13"/>
      <c r="H191" s="13"/>
      <c r="I191" s="13"/>
      <c r="J191" s="13"/>
      <c r="K191" s="13"/>
      <c r="L191" s="13"/>
      <c r="M191" s="13"/>
      <c r="N191" s="13"/>
      <c r="O191" s="13"/>
      <c r="P191" s="13"/>
      <c r="Q191" s="13"/>
      <c r="R191" s="13"/>
      <c r="S191" s="13"/>
      <c r="T191" s="13"/>
      <c r="U191" s="13"/>
      <c r="V191" s="13"/>
      <c r="W191" s="13"/>
      <c r="X191" s="13"/>
      <c r="Y191" s="13"/>
      <c r="Z191" s="13"/>
      <c r="AA191" s="13"/>
      <c r="AB191" s="13"/>
      <c r="AC191" s="13"/>
      <c r="AD191" s="13"/>
      <c r="AE191" s="13"/>
      <c r="AF191" s="13"/>
      <c r="AG191" s="13"/>
      <c r="AH191" s="13"/>
      <c r="AI191" s="13"/>
      <c r="AJ191" s="13"/>
      <c r="AK191" s="13"/>
      <c r="AL191" s="13"/>
      <c r="AM191" s="13"/>
      <c r="AN191" s="13"/>
      <c r="AO191" s="79"/>
    </row>
    <row r="192" spans="1:41" ht="18" customHeight="1" x14ac:dyDescent="0.4">
      <c r="A192" s="492"/>
      <c r="B192" s="80"/>
      <c r="C192" s="511" t="s">
        <v>664</v>
      </c>
      <c r="D192" s="512"/>
      <c r="E192" s="512"/>
      <c r="F192" s="512"/>
      <c r="G192" s="512"/>
      <c r="H192" s="512"/>
      <c r="I192" s="512"/>
      <c r="J192" s="512"/>
      <c r="K192" s="512"/>
      <c r="L192" s="512"/>
      <c r="M192" s="513"/>
      <c r="N192" s="295" t="s">
        <v>665</v>
      </c>
      <c r="O192" s="295"/>
      <c r="P192" s="295"/>
      <c r="Q192" s="295"/>
      <c r="R192" s="295"/>
      <c r="S192" s="295"/>
      <c r="T192" s="295"/>
      <c r="U192" s="295"/>
      <c r="AO192" s="81"/>
    </row>
    <row r="193" spans="1:46" ht="18" customHeight="1" x14ac:dyDescent="0.4">
      <c r="A193" s="492"/>
      <c r="B193" s="80"/>
      <c r="C193" s="502" t="s">
        <v>666</v>
      </c>
      <c r="D193" s="502"/>
      <c r="E193" s="502"/>
      <c r="F193" s="502"/>
      <c r="G193" s="502"/>
      <c r="H193" s="502"/>
      <c r="I193" s="502"/>
      <c r="J193" s="502"/>
      <c r="K193" s="502"/>
      <c r="L193" s="502"/>
      <c r="M193" s="502"/>
      <c r="N193" s="295" t="s">
        <v>665</v>
      </c>
      <c r="O193" s="295"/>
      <c r="P193" s="295"/>
      <c r="Q193" s="295"/>
      <c r="R193" s="295"/>
      <c r="S193" s="295"/>
      <c r="T193" s="295"/>
      <c r="U193" s="295"/>
      <c r="AO193" s="81"/>
    </row>
    <row r="194" spans="1:46" ht="18" customHeight="1" x14ac:dyDescent="0.4">
      <c r="A194" s="492"/>
      <c r="B194" s="80"/>
      <c r="C194" s="502" t="s">
        <v>667</v>
      </c>
      <c r="D194" s="502"/>
      <c r="E194" s="502"/>
      <c r="F194" s="502"/>
      <c r="G194" s="502"/>
      <c r="H194" s="502"/>
      <c r="I194" s="502"/>
      <c r="J194" s="502"/>
      <c r="K194" s="502"/>
      <c r="L194" s="502"/>
      <c r="M194" s="502"/>
      <c r="N194" s="295" t="s">
        <v>665</v>
      </c>
      <c r="O194" s="295"/>
      <c r="P194" s="295"/>
      <c r="Q194" s="295"/>
      <c r="R194" s="295"/>
      <c r="S194" s="295"/>
      <c r="T194" s="295"/>
      <c r="U194" s="295"/>
      <c r="AO194" s="81"/>
    </row>
    <row r="195" spans="1:46" ht="18" customHeight="1" x14ac:dyDescent="0.4">
      <c r="A195" s="492"/>
      <c r="B195" s="80"/>
      <c r="C195" s="502" t="s">
        <v>668</v>
      </c>
      <c r="D195" s="502"/>
      <c r="E195" s="502"/>
      <c r="F195" s="502"/>
      <c r="G195" s="502"/>
      <c r="H195" s="502"/>
      <c r="I195" s="502"/>
      <c r="J195" s="502"/>
      <c r="K195" s="502"/>
      <c r="L195" s="502"/>
      <c r="M195" s="502"/>
      <c r="N195" s="295" t="s">
        <v>665</v>
      </c>
      <c r="O195" s="295"/>
      <c r="P195" s="295"/>
      <c r="Q195" s="295"/>
      <c r="R195" s="295"/>
      <c r="S195" s="295"/>
      <c r="T195" s="295"/>
      <c r="U195" s="295"/>
      <c r="AO195" s="81"/>
    </row>
    <row r="196" spans="1:46" ht="18" customHeight="1" x14ac:dyDescent="0.4">
      <c r="A196" s="492"/>
      <c r="B196" s="80"/>
      <c r="C196" s="502" t="s">
        <v>669</v>
      </c>
      <c r="D196" s="502"/>
      <c r="E196" s="502"/>
      <c r="F196" s="502"/>
      <c r="G196" s="502"/>
      <c r="H196" s="502"/>
      <c r="I196" s="502"/>
      <c r="J196" s="502"/>
      <c r="K196" s="502"/>
      <c r="L196" s="502"/>
      <c r="M196" s="502"/>
      <c r="N196" s="295" t="s">
        <v>665</v>
      </c>
      <c r="O196" s="295"/>
      <c r="P196" s="295"/>
      <c r="Q196" s="295"/>
      <c r="R196" s="295"/>
      <c r="S196" s="295"/>
      <c r="T196" s="295"/>
      <c r="U196" s="295"/>
      <c r="AO196" s="81"/>
    </row>
    <row r="197" spans="1:46" ht="18" customHeight="1" x14ac:dyDescent="0.4">
      <c r="A197" s="492"/>
      <c r="B197" s="80"/>
      <c r="C197" s="502" t="s">
        <v>670</v>
      </c>
      <c r="D197" s="502"/>
      <c r="E197" s="502"/>
      <c r="F197" s="502"/>
      <c r="G197" s="502"/>
      <c r="H197" s="502"/>
      <c r="I197" s="502"/>
      <c r="J197" s="502"/>
      <c r="K197" s="502"/>
      <c r="L197" s="502"/>
      <c r="M197" s="502"/>
      <c r="N197" s="295" t="s">
        <v>665</v>
      </c>
      <c r="O197" s="295"/>
      <c r="P197" s="295"/>
      <c r="Q197" s="295"/>
      <c r="R197" s="295"/>
      <c r="S197" s="295"/>
      <c r="T197" s="295"/>
      <c r="U197" s="295"/>
      <c r="AO197" s="81"/>
    </row>
    <row r="198" spans="1:46" ht="18" customHeight="1" x14ac:dyDescent="0.4">
      <c r="A198" s="492"/>
      <c r="B198" s="18"/>
      <c r="C198" s="19"/>
      <c r="D198" s="19"/>
      <c r="E198" s="19"/>
      <c r="F198" s="19"/>
      <c r="G198" s="19"/>
      <c r="H198" s="19"/>
      <c r="I198" s="19"/>
      <c r="J198" s="19"/>
      <c r="K198" s="19"/>
      <c r="L198" s="19"/>
      <c r="M198" s="19"/>
      <c r="N198" s="19"/>
      <c r="O198" s="19"/>
      <c r="P198" s="19"/>
      <c r="Q198" s="19"/>
      <c r="R198" s="19"/>
      <c r="S198" s="19"/>
      <c r="T198" s="19"/>
      <c r="U198" s="19"/>
      <c r="V198" s="19"/>
      <c r="W198" s="19"/>
      <c r="X198" s="19"/>
      <c r="Y198" s="19"/>
      <c r="Z198" s="19"/>
      <c r="AA198" s="19"/>
      <c r="AB198" s="19"/>
      <c r="AC198" s="19"/>
      <c r="AD198" s="19"/>
      <c r="AE198" s="19"/>
      <c r="AF198" s="19"/>
      <c r="AG198" s="19"/>
      <c r="AH198" s="19"/>
      <c r="AI198" s="19"/>
      <c r="AJ198" s="19"/>
      <c r="AK198" s="19"/>
      <c r="AL198" s="19"/>
      <c r="AM198" s="19"/>
      <c r="AN198" s="19"/>
      <c r="AO198" s="82"/>
    </row>
    <row r="199" spans="1:46" ht="18" customHeight="1" x14ac:dyDescent="0.4">
      <c r="A199" s="473" t="s">
        <v>671</v>
      </c>
      <c r="B199" s="13"/>
      <c r="C199" s="13"/>
      <c r="D199" s="13"/>
      <c r="E199" s="13"/>
      <c r="F199" s="13"/>
      <c r="G199" s="13"/>
      <c r="H199" s="13"/>
      <c r="I199" s="13"/>
      <c r="J199" s="13"/>
      <c r="K199" s="13"/>
      <c r="L199" s="13"/>
      <c r="M199" s="13"/>
      <c r="N199" s="13"/>
      <c r="O199" s="13"/>
      <c r="P199" s="13"/>
      <c r="Q199" s="13"/>
      <c r="R199" s="13"/>
      <c r="S199" s="13"/>
      <c r="T199" s="13"/>
      <c r="U199" s="13"/>
      <c r="V199" s="13"/>
      <c r="W199" s="13"/>
      <c r="X199" s="13"/>
      <c r="Y199" s="13"/>
      <c r="Z199" s="13"/>
      <c r="AA199" s="13"/>
      <c r="AB199" s="13"/>
      <c r="AC199" s="13"/>
      <c r="AD199" s="13"/>
      <c r="AE199" s="13"/>
      <c r="AF199" s="13"/>
      <c r="AG199" s="13"/>
      <c r="AH199" s="13"/>
      <c r="AI199" s="13"/>
      <c r="AJ199" s="13"/>
      <c r="AK199" s="13"/>
      <c r="AL199" s="13"/>
      <c r="AM199" s="13"/>
      <c r="AN199" s="13"/>
      <c r="AO199" s="79"/>
    </row>
    <row r="200" spans="1:46" ht="18" customHeight="1" x14ac:dyDescent="0.4">
      <c r="A200" s="474"/>
      <c r="C200" s="295" t="s">
        <v>672</v>
      </c>
      <c r="D200" s="295"/>
      <c r="E200" s="295"/>
      <c r="F200" s="295"/>
      <c r="G200" s="295"/>
      <c r="H200" s="295" t="s">
        <v>673</v>
      </c>
      <c r="I200" s="295"/>
      <c r="J200" s="295"/>
      <c r="K200" s="295"/>
      <c r="L200" s="295"/>
      <c r="M200" s="295" t="s">
        <v>674</v>
      </c>
      <c r="N200" s="295"/>
      <c r="O200" s="295"/>
      <c r="P200" s="295"/>
      <c r="Q200" s="295"/>
      <c r="R200" s="295"/>
      <c r="S200" s="295"/>
      <c r="T200" s="295" t="s">
        <v>675</v>
      </c>
      <c r="U200" s="295"/>
      <c r="V200" s="295"/>
      <c r="W200" s="295"/>
      <c r="X200" s="295"/>
      <c r="AO200" s="81"/>
    </row>
    <row r="201" spans="1:46" ht="30.75" customHeight="1" x14ac:dyDescent="0.4">
      <c r="A201" s="474"/>
      <c r="C201" s="502"/>
      <c r="D201" s="502"/>
      <c r="E201" s="502"/>
      <c r="F201" s="502"/>
      <c r="G201" s="502"/>
      <c r="H201" s="295"/>
      <c r="I201" s="295"/>
      <c r="J201" s="295"/>
      <c r="K201" s="295"/>
      <c r="L201" s="295"/>
      <c r="M201" s="502"/>
      <c r="N201" s="502"/>
      <c r="O201" s="502"/>
      <c r="P201" s="502"/>
      <c r="Q201" s="502"/>
      <c r="R201" s="502"/>
      <c r="S201" s="502"/>
      <c r="T201" s="572" t="s">
        <v>676</v>
      </c>
      <c r="U201" s="572"/>
      <c r="V201" s="572"/>
      <c r="W201" s="572"/>
      <c r="X201" s="572"/>
      <c r="AO201" s="81"/>
    </row>
    <row r="202" spans="1:46" ht="18" customHeight="1" x14ac:dyDescent="0.4">
      <c r="A202" s="477"/>
      <c r="AO202" s="81"/>
    </row>
    <row r="203" spans="1:46" ht="18" customHeight="1" x14ac:dyDescent="0.4">
      <c r="A203" s="492" t="s">
        <v>677</v>
      </c>
      <c r="B203" s="12"/>
      <c r="C203" s="13"/>
      <c r="D203" s="13"/>
      <c r="E203" s="13"/>
      <c r="F203" s="13"/>
      <c r="G203" s="13"/>
      <c r="H203" s="13"/>
      <c r="I203" s="13"/>
      <c r="J203" s="13"/>
      <c r="K203" s="13"/>
      <c r="L203" s="13"/>
      <c r="M203" s="13"/>
      <c r="N203" s="13"/>
      <c r="O203" s="13"/>
      <c r="P203" s="13"/>
      <c r="Q203" s="13"/>
      <c r="R203" s="13"/>
      <c r="S203" s="13"/>
      <c r="T203" s="13"/>
      <c r="U203" s="13"/>
      <c r="V203" s="13"/>
      <c r="W203" s="13"/>
      <c r="X203" s="13"/>
      <c r="Y203" s="13"/>
      <c r="Z203" s="13"/>
      <c r="AA203" s="13"/>
      <c r="AB203" s="13"/>
      <c r="AC203" s="13"/>
      <c r="AD203" s="13"/>
      <c r="AE203" s="13"/>
      <c r="AF203" s="13"/>
      <c r="AG203" s="13"/>
      <c r="AH203" s="13"/>
      <c r="AI203" s="13"/>
      <c r="AJ203" s="13"/>
      <c r="AK203" s="13"/>
      <c r="AL203" s="13"/>
      <c r="AM203" s="13"/>
      <c r="AN203" s="13"/>
      <c r="AO203" s="13"/>
      <c r="AP203" s="13"/>
      <c r="AQ203" s="13"/>
      <c r="AR203" s="13"/>
      <c r="AS203" s="13"/>
      <c r="AT203" s="79"/>
    </row>
    <row r="204" spans="1:46" ht="30" customHeight="1" x14ac:dyDescent="0.4">
      <c r="A204" s="492"/>
      <c r="B204" s="80"/>
      <c r="C204" s="295"/>
      <c r="D204" s="295"/>
      <c r="E204" s="295"/>
      <c r="F204" s="295"/>
      <c r="G204" s="295"/>
      <c r="H204" s="336" t="s">
        <v>678</v>
      </c>
      <c r="I204" s="336"/>
      <c r="J204" s="336"/>
      <c r="K204" s="336"/>
      <c r="L204" s="336" t="s">
        <v>679</v>
      </c>
      <c r="M204" s="336"/>
      <c r="N204" s="336"/>
      <c r="O204" s="336"/>
      <c r="P204" s="337" t="s">
        <v>680</v>
      </c>
      <c r="Q204" s="336"/>
      <c r="R204" s="336"/>
      <c r="S204" s="336"/>
      <c r="T204" s="337" t="s">
        <v>681</v>
      </c>
      <c r="U204" s="336"/>
      <c r="V204" s="336"/>
      <c r="W204" s="336"/>
      <c r="Y204" s="295"/>
      <c r="Z204" s="295"/>
      <c r="AA204" s="295"/>
      <c r="AB204" s="295"/>
      <c r="AC204" s="295"/>
      <c r="AD204" s="336" t="s">
        <v>678</v>
      </c>
      <c r="AE204" s="336"/>
      <c r="AF204" s="336"/>
      <c r="AG204" s="336"/>
      <c r="AH204" s="336" t="s">
        <v>679</v>
      </c>
      <c r="AI204" s="336"/>
      <c r="AJ204" s="336"/>
      <c r="AK204" s="336"/>
      <c r="AL204" s="337" t="s">
        <v>680</v>
      </c>
      <c r="AM204" s="336"/>
      <c r="AN204" s="336"/>
      <c r="AO204" s="336"/>
      <c r="AP204" s="337" t="s">
        <v>681</v>
      </c>
      <c r="AQ204" s="336"/>
      <c r="AR204" s="336"/>
      <c r="AS204" s="336"/>
      <c r="AT204" s="81"/>
    </row>
    <row r="205" spans="1:46" ht="18" customHeight="1" x14ac:dyDescent="0.4">
      <c r="A205" s="492"/>
      <c r="B205" s="80"/>
      <c r="C205" s="337" t="s">
        <v>82</v>
      </c>
      <c r="D205" s="336" t="s">
        <v>682</v>
      </c>
      <c r="E205" s="336"/>
      <c r="F205" s="336"/>
      <c r="G205" s="336"/>
      <c r="H205" s="336"/>
      <c r="I205" s="336"/>
      <c r="J205" s="336"/>
      <c r="K205" s="336"/>
      <c r="L205" s="336"/>
      <c r="M205" s="336"/>
      <c r="N205" s="336"/>
      <c r="O205" s="336"/>
      <c r="P205" s="336"/>
      <c r="Q205" s="336"/>
      <c r="R205" s="336"/>
      <c r="S205" s="336"/>
      <c r="T205" s="336"/>
      <c r="U205" s="336"/>
      <c r="V205" s="336"/>
      <c r="W205" s="336"/>
      <c r="Y205" s="337" t="s">
        <v>683</v>
      </c>
      <c r="Z205" s="336" t="s">
        <v>682</v>
      </c>
      <c r="AA205" s="336"/>
      <c r="AB205" s="336"/>
      <c r="AC205" s="336"/>
      <c r="AD205" s="336"/>
      <c r="AE205" s="336"/>
      <c r="AF205" s="336"/>
      <c r="AG205" s="336"/>
      <c r="AH205" s="336"/>
      <c r="AI205" s="336"/>
      <c r="AJ205" s="336"/>
      <c r="AK205" s="336"/>
      <c r="AL205" s="336"/>
      <c r="AM205" s="336"/>
      <c r="AN205" s="336"/>
      <c r="AO205" s="336"/>
      <c r="AP205" s="336"/>
      <c r="AQ205" s="336"/>
      <c r="AR205" s="336"/>
      <c r="AS205" s="336"/>
      <c r="AT205" s="81"/>
    </row>
    <row r="206" spans="1:46" ht="18" customHeight="1" x14ac:dyDescent="0.4">
      <c r="A206" s="492"/>
      <c r="B206" s="80"/>
      <c r="C206" s="336"/>
      <c r="D206" s="336" t="s">
        <v>684</v>
      </c>
      <c r="E206" s="336"/>
      <c r="F206" s="336"/>
      <c r="G206" s="336"/>
      <c r="H206" s="336"/>
      <c r="I206" s="336"/>
      <c r="J206" s="336"/>
      <c r="K206" s="336"/>
      <c r="L206" s="336"/>
      <c r="M206" s="336"/>
      <c r="N206" s="336"/>
      <c r="O206" s="336"/>
      <c r="P206" s="336"/>
      <c r="Q206" s="336"/>
      <c r="R206" s="336"/>
      <c r="S206" s="336"/>
      <c r="T206" s="336"/>
      <c r="U206" s="336"/>
      <c r="V206" s="336"/>
      <c r="W206" s="336"/>
      <c r="Y206" s="336"/>
      <c r="Z206" s="336" t="s">
        <v>684</v>
      </c>
      <c r="AA206" s="336"/>
      <c r="AB206" s="336"/>
      <c r="AC206" s="336"/>
      <c r="AD206" s="336"/>
      <c r="AE206" s="336"/>
      <c r="AF206" s="336"/>
      <c r="AG206" s="336"/>
      <c r="AH206" s="336"/>
      <c r="AI206" s="336"/>
      <c r="AJ206" s="336"/>
      <c r="AK206" s="336"/>
      <c r="AL206" s="336"/>
      <c r="AM206" s="336"/>
      <c r="AN206" s="336"/>
      <c r="AO206" s="336"/>
      <c r="AP206" s="336"/>
      <c r="AQ206" s="336"/>
      <c r="AR206" s="336"/>
      <c r="AS206" s="336"/>
      <c r="AT206" s="81"/>
    </row>
    <row r="207" spans="1:46" ht="80.099999999999994" customHeight="1" x14ac:dyDescent="0.4">
      <c r="A207" s="492"/>
      <c r="B207" s="80"/>
      <c r="C207" s="336"/>
      <c r="D207" s="336" t="s">
        <v>685</v>
      </c>
      <c r="E207" s="336"/>
      <c r="F207" s="336"/>
      <c r="G207" s="336"/>
      <c r="H207" s="337" t="s">
        <v>1015</v>
      </c>
      <c r="I207" s="336"/>
      <c r="J207" s="336"/>
      <c r="K207" s="336"/>
      <c r="L207" s="337" t="s">
        <v>1015</v>
      </c>
      <c r="M207" s="336"/>
      <c r="N207" s="336"/>
      <c r="O207" s="336"/>
      <c r="P207" s="337" t="s">
        <v>1015</v>
      </c>
      <c r="Q207" s="336"/>
      <c r="R207" s="336"/>
      <c r="S207" s="336"/>
      <c r="T207" s="337" t="s">
        <v>1015</v>
      </c>
      <c r="U207" s="336"/>
      <c r="V207" s="336"/>
      <c r="W207" s="336"/>
      <c r="Y207" s="336"/>
      <c r="Z207" s="336" t="s">
        <v>685</v>
      </c>
      <c r="AA207" s="336"/>
      <c r="AB207" s="336"/>
      <c r="AC207" s="336"/>
      <c r="AD207" s="337" t="s">
        <v>1016</v>
      </c>
      <c r="AE207" s="336"/>
      <c r="AF207" s="336"/>
      <c r="AG207" s="336"/>
      <c r="AH207" s="337" t="s">
        <v>1016</v>
      </c>
      <c r="AI207" s="336"/>
      <c r="AJ207" s="336"/>
      <c r="AK207" s="336"/>
      <c r="AL207" s="337" t="s">
        <v>1016</v>
      </c>
      <c r="AM207" s="336"/>
      <c r="AN207" s="336"/>
      <c r="AO207" s="336"/>
      <c r="AP207" s="337" t="s">
        <v>1016</v>
      </c>
      <c r="AQ207" s="336"/>
      <c r="AR207" s="336"/>
      <c r="AS207" s="336"/>
      <c r="AT207" s="81"/>
    </row>
    <row r="208" spans="1:46" ht="18" customHeight="1" x14ac:dyDescent="0.4">
      <c r="A208" s="492"/>
      <c r="B208" s="80"/>
      <c r="C208" s="337" t="s">
        <v>83</v>
      </c>
      <c r="D208" s="336" t="s">
        <v>682</v>
      </c>
      <c r="E208" s="336"/>
      <c r="F208" s="336"/>
      <c r="G208" s="336"/>
      <c r="H208" s="336"/>
      <c r="I208" s="336"/>
      <c r="J208" s="336"/>
      <c r="K208" s="336"/>
      <c r="L208" s="336"/>
      <c r="M208" s="336"/>
      <c r="N208" s="336"/>
      <c r="O208" s="336"/>
      <c r="P208" s="336"/>
      <c r="Q208" s="336"/>
      <c r="R208" s="336"/>
      <c r="S208" s="336"/>
      <c r="T208" s="336"/>
      <c r="U208" s="336"/>
      <c r="V208" s="336"/>
      <c r="W208" s="336"/>
      <c r="Y208" s="337" t="s">
        <v>686</v>
      </c>
      <c r="Z208" s="336" t="s">
        <v>682</v>
      </c>
      <c r="AA208" s="336"/>
      <c r="AB208" s="336"/>
      <c r="AC208" s="336"/>
      <c r="AD208" s="336"/>
      <c r="AE208" s="336"/>
      <c r="AF208" s="336"/>
      <c r="AG208" s="336"/>
      <c r="AH208" s="336"/>
      <c r="AI208" s="336"/>
      <c r="AJ208" s="336"/>
      <c r="AK208" s="336"/>
      <c r="AL208" s="336"/>
      <c r="AM208" s="336"/>
      <c r="AN208" s="336"/>
      <c r="AO208" s="336"/>
      <c r="AP208" s="336"/>
      <c r="AQ208" s="336"/>
      <c r="AR208" s="336"/>
      <c r="AS208" s="336"/>
      <c r="AT208" s="81"/>
    </row>
    <row r="209" spans="1:46" ht="18" customHeight="1" x14ac:dyDescent="0.4">
      <c r="A209" s="492"/>
      <c r="B209" s="80"/>
      <c r="C209" s="336"/>
      <c r="D209" s="336" t="s">
        <v>684</v>
      </c>
      <c r="E209" s="336"/>
      <c r="F209" s="336"/>
      <c r="G209" s="336"/>
      <c r="H209" s="336"/>
      <c r="I209" s="336"/>
      <c r="J209" s="336"/>
      <c r="K209" s="336"/>
      <c r="L209" s="336"/>
      <c r="M209" s="336"/>
      <c r="N209" s="336"/>
      <c r="O209" s="336"/>
      <c r="P209" s="336"/>
      <c r="Q209" s="336"/>
      <c r="R209" s="336"/>
      <c r="S209" s="336"/>
      <c r="T209" s="336"/>
      <c r="U209" s="336"/>
      <c r="V209" s="336"/>
      <c r="W209" s="336"/>
      <c r="Y209" s="336"/>
      <c r="Z209" s="336" t="s">
        <v>684</v>
      </c>
      <c r="AA209" s="336"/>
      <c r="AB209" s="336"/>
      <c r="AC209" s="336"/>
      <c r="AD209" s="336"/>
      <c r="AE209" s="336"/>
      <c r="AF209" s="336"/>
      <c r="AG209" s="336"/>
      <c r="AH209" s="336"/>
      <c r="AI209" s="336"/>
      <c r="AJ209" s="336"/>
      <c r="AK209" s="336"/>
      <c r="AL209" s="336"/>
      <c r="AM209" s="336"/>
      <c r="AN209" s="336"/>
      <c r="AO209" s="336"/>
      <c r="AP209" s="336"/>
      <c r="AQ209" s="336"/>
      <c r="AR209" s="336"/>
      <c r="AS209" s="336"/>
      <c r="AT209" s="81"/>
    </row>
    <row r="210" spans="1:46" ht="80.099999999999994" customHeight="1" x14ac:dyDescent="0.4">
      <c r="A210" s="492"/>
      <c r="B210" s="80"/>
      <c r="C210" s="336"/>
      <c r="D210" s="336" t="s">
        <v>685</v>
      </c>
      <c r="E210" s="336"/>
      <c r="F210" s="336"/>
      <c r="G210" s="336"/>
      <c r="H210" s="337" t="s">
        <v>1015</v>
      </c>
      <c r="I210" s="336"/>
      <c r="J210" s="336"/>
      <c r="K210" s="336"/>
      <c r="L210" s="337" t="s">
        <v>1015</v>
      </c>
      <c r="M210" s="336"/>
      <c r="N210" s="336"/>
      <c r="O210" s="336"/>
      <c r="P210" s="337" t="s">
        <v>1015</v>
      </c>
      <c r="Q210" s="336"/>
      <c r="R210" s="336"/>
      <c r="S210" s="336"/>
      <c r="T210" s="337" t="s">
        <v>1015</v>
      </c>
      <c r="U210" s="336"/>
      <c r="V210" s="336"/>
      <c r="W210" s="336"/>
      <c r="Y210" s="336"/>
      <c r="Z210" s="336" t="s">
        <v>685</v>
      </c>
      <c r="AA210" s="336"/>
      <c r="AB210" s="336"/>
      <c r="AC210" s="336"/>
      <c r="AD210" s="337" t="s">
        <v>1016</v>
      </c>
      <c r="AE210" s="336"/>
      <c r="AF210" s="336"/>
      <c r="AG210" s="336"/>
      <c r="AH210" s="337" t="s">
        <v>1016</v>
      </c>
      <c r="AI210" s="336"/>
      <c r="AJ210" s="336"/>
      <c r="AK210" s="336"/>
      <c r="AL210" s="337" t="s">
        <v>1016</v>
      </c>
      <c r="AM210" s="336"/>
      <c r="AN210" s="336"/>
      <c r="AO210" s="336"/>
      <c r="AP210" s="337" t="s">
        <v>1016</v>
      </c>
      <c r="AQ210" s="336"/>
      <c r="AR210" s="336"/>
      <c r="AS210" s="336"/>
      <c r="AT210" s="81"/>
    </row>
    <row r="211" spans="1:46" ht="18" customHeight="1" x14ac:dyDescent="0.4">
      <c r="A211" s="492"/>
      <c r="B211" s="80"/>
      <c r="C211" s="337" t="s">
        <v>687</v>
      </c>
      <c r="D211" s="336" t="s">
        <v>682</v>
      </c>
      <c r="E211" s="336"/>
      <c r="F211" s="336"/>
      <c r="G211" s="336"/>
      <c r="H211" s="336"/>
      <c r="I211" s="336"/>
      <c r="J211" s="336"/>
      <c r="K211" s="336"/>
      <c r="L211" s="336"/>
      <c r="M211" s="336"/>
      <c r="N211" s="336"/>
      <c r="O211" s="336"/>
      <c r="P211" s="336"/>
      <c r="Q211" s="336"/>
      <c r="R211" s="336"/>
      <c r="S211" s="336"/>
      <c r="T211" s="336"/>
      <c r="U211" s="336"/>
      <c r="V211" s="336"/>
      <c r="W211" s="336"/>
      <c r="Y211" s="337" t="s">
        <v>688</v>
      </c>
      <c r="Z211" s="336" t="s">
        <v>682</v>
      </c>
      <c r="AA211" s="336"/>
      <c r="AB211" s="336"/>
      <c r="AC211" s="336"/>
      <c r="AD211" s="336"/>
      <c r="AE211" s="336"/>
      <c r="AF211" s="336"/>
      <c r="AG211" s="336"/>
      <c r="AH211" s="336"/>
      <c r="AI211" s="336"/>
      <c r="AJ211" s="336"/>
      <c r="AK211" s="336"/>
      <c r="AL211" s="336"/>
      <c r="AM211" s="336"/>
      <c r="AN211" s="336"/>
      <c r="AO211" s="336"/>
      <c r="AP211" s="336"/>
      <c r="AQ211" s="336"/>
      <c r="AR211" s="336"/>
      <c r="AS211" s="336"/>
      <c r="AT211" s="81"/>
    </row>
    <row r="212" spans="1:46" ht="18" customHeight="1" x14ac:dyDescent="0.4">
      <c r="A212" s="492"/>
      <c r="B212" s="80"/>
      <c r="C212" s="336"/>
      <c r="D212" s="336" t="s">
        <v>684</v>
      </c>
      <c r="E212" s="336"/>
      <c r="F212" s="336"/>
      <c r="G212" s="336"/>
      <c r="H212" s="336"/>
      <c r="I212" s="336"/>
      <c r="J212" s="336"/>
      <c r="K212" s="336"/>
      <c r="L212" s="336"/>
      <c r="M212" s="336"/>
      <c r="N212" s="336"/>
      <c r="O212" s="336"/>
      <c r="P212" s="336"/>
      <c r="Q212" s="336"/>
      <c r="R212" s="336"/>
      <c r="S212" s="336"/>
      <c r="T212" s="336"/>
      <c r="U212" s="336"/>
      <c r="V212" s="336"/>
      <c r="W212" s="336"/>
      <c r="Y212" s="336"/>
      <c r="Z212" s="336" t="s">
        <v>684</v>
      </c>
      <c r="AA212" s="336"/>
      <c r="AB212" s="336"/>
      <c r="AC212" s="336"/>
      <c r="AD212" s="336"/>
      <c r="AE212" s="336"/>
      <c r="AF212" s="336"/>
      <c r="AG212" s="336"/>
      <c r="AH212" s="336"/>
      <c r="AI212" s="336"/>
      <c r="AJ212" s="336"/>
      <c r="AK212" s="336"/>
      <c r="AL212" s="336"/>
      <c r="AM212" s="336"/>
      <c r="AN212" s="336"/>
      <c r="AO212" s="336"/>
      <c r="AP212" s="336"/>
      <c r="AQ212" s="336"/>
      <c r="AR212" s="336"/>
      <c r="AS212" s="336"/>
      <c r="AT212" s="81"/>
    </row>
    <row r="213" spans="1:46" ht="80.099999999999994" customHeight="1" x14ac:dyDescent="0.4">
      <c r="A213" s="492"/>
      <c r="B213" s="80"/>
      <c r="C213" s="336"/>
      <c r="D213" s="336" t="s">
        <v>685</v>
      </c>
      <c r="E213" s="336"/>
      <c r="F213" s="336"/>
      <c r="G213" s="336"/>
      <c r="H213" s="337" t="s">
        <v>1015</v>
      </c>
      <c r="I213" s="336"/>
      <c r="J213" s="336"/>
      <c r="K213" s="336"/>
      <c r="L213" s="337" t="s">
        <v>1015</v>
      </c>
      <c r="M213" s="336"/>
      <c r="N213" s="336"/>
      <c r="O213" s="336"/>
      <c r="P213" s="337" t="s">
        <v>1015</v>
      </c>
      <c r="Q213" s="336"/>
      <c r="R213" s="336"/>
      <c r="S213" s="336"/>
      <c r="T213" s="337" t="s">
        <v>1015</v>
      </c>
      <c r="U213" s="336"/>
      <c r="V213" s="336"/>
      <c r="W213" s="336"/>
      <c r="Y213" s="336"/>
      <c r="Z213" s="336" t="s">
        <v>685</v>
      </c>
      <c r="AA213" s="336"/>
      <c r="AB213" s="336"/>
      <c r="AC213" s="336"/>
      <c r="AD213" s="337" t="s">
        <v>1016</v>
      </c>
      <c r="AE213" s="336"/>
      <c r="AF213" s="336"/>
      <c r="AG213" s="336"/>
      <c r="AH213" s="337" t="s">
        <v>1016</v>
      </c>
      <c r="AI213" s="336"/>
      <c r="AJ213" s="336"/>
      <c r="AK213" s="336"/>
      <c r="AL213" s="337" t="s">
        <v>1016</v>
      </c>
      <c r="AM213" s="336"/>
      <c r="AN213" s="336"/>
      <c r="AO213" s="336"/>
      <c r="AP213" s="337" t="s">
        <v>1016</v>
      </c>
      <c r="AQ213" s="336"/>
      <c r="AR213" s="336"/>
      <c r="AS213" s="336"/>
      <c r="AT213" s="81"/>
    </row>
    <row r="214" spans="1:46" ht="18" customHeight="1" x14ac:dyDescent="0.4">
      <c r="A214" s="492"/>
      <c r="B214" s="80"/>
      <c r="C214" s="337" t="s">
        <v>689</v>
      </c>
      <c r="D214" s="336" t="s">
        <v>682</v>
      </c>
      <c r="E214" s="336"/>
      <c r="F214" s="336"/>
      <c r="G214" s="336"/>
      <c r="H214" s="336"/>
      <c r="I214" s="336"/>
      <c r="J214" s="336"/>
      <c r="K214" s="336"/>
      <c r="L214" s="336"/>
      <c r="M214" s="336"/>
      <c r="N214" s="336"/>
      <c r="O214" s="336"/>
      <c r="P214" s="336"/>
      <c r="Q214" s="336"/>
      <c r="R214" s="336"/>
      <c r="S214" s="336"/>
      <c r="T214" s="336"/>
      <c r="U214" s="336"/>
      <c r="V214" s="336"/>
      <c r="W214" s="336"/>
      <c r="Y214" s="337" t="s">
        <v>690</v>
      </c>
      <c r="Z214" s="336" t="s">
        <v>682</v>
      </c>
      <c r="AA214" s="336"/>
      <c r="AB214" s="336"/>
      <c r="AC214" s="336"/>
      <c r="AD214" s="336"/>
      <c r="AE214" s="336"/>
      <c r="AF214" s="336"/>
      <c r="AG214" s="336"/>
      <c r="AH214" s="336"/>
      <c r="AI214" s="336"/>
      <c r="AJ214" s="336"/>
      <c r="AK214" s="336"/>
      <c r="AL214" s="336"/>
      <c r="AM214" s="336"/>
      <c r="AN214" s="336"/>
      <c r="AO214" s="336"/>
      <c r="AP214" s="336"/>
      <c r="AQ214" s="336"/>
      <c r="AR214" s="336"/>
      <c r="AS214" s="336"/>
      <c r="AT214" s="81"/>
    </row>
    <row r="215" spans="1:46" ht="18" customHeight="1" x14ac:dyDescent="0.4">
      <c r="A215" s="492"/>
      <c r="B215" s="80"/>
      <c r="C215" s="336"/>
      <c r="D215" s="336" t="s">
        <v>684</v>
      </c>
      <c r="E215" s="336"/>
      <c r="F215" s="336"/>
      <c r="G215" s="336"/>
      <c r="H215" s="336"/>
      <c r="I215" s="336"/>
      <c r="J215" s="336"/>
      <c r="K215" s="336"/>
      <c r="L215" s="336"/>
      <c r="M215" s="336"/>
      <c r="N215" s="336"/>
      <c r="O215" s="336"/>
      <c r="P215" s="336"/>
      <c r="Q215" s="336"/>
      <c r="R215" s="336"/>
      <c r="S215" s="336"/>
      <c r="T215" s="336"/>
      <c r="U215" s="336"/>
      <c r="V215" s="336"/>
      <c r="W215" s="336"/>
      <c r="Y215" s="336"/>
      <c r="Z215" s="336" t="s">
        <v>684</v>
      </c>
      <c r="AA215" s="336"/>
      <c r="AB215" s="336"/>
      <c r="AC215" s="336"/>
      <c r="AD215" s="336"/>
      <c r="AE215" s="336"/>
      <c r="AF215" s="336"/>
      <c r="AG215" s="336"/>
      <c r="AH215" s="336"/>
      <c r="AI215" s="336"/>
      <c r="AJ215" s="336"/>
      <c r="AK215" s="336"/>
      <c r="AL215" s="336"/>
      <c r="AM215" s="336"/>
      <c r="AN215" s="336"/>
      <c r="AO215" s="336"/>
      <c r="AP215" s="336"/>
      <c r="AQ215" s="336"/>
      <c r="AR215" s="336"/>
      <c r="AS215" s="336"/>
      <c r="AT215" s="81"/>
    </row>
    <row r="216" spans="1:46" ht="80.099999999999994" customHeight="1" x14ac:dyDescent="0.4">
      <c r="A216" s="492"/>
      <c r="B216" s="80"/>
      <c r="C216" s="336"/>
      <c r="D216" s="336" t="s">
        <v>685</v>
      </c>
      <c r="E216" s="336"/>
      <c r="F216" s="336"/>
      <c r="G216" s="336"/>
      <c r="H216" s="337" t="s">
        <v>1015</v>
      </c>
      <c r="I216" s="336"/>
      <c r="J216" s="336"/>
      <c r="K216" s="336"/>
      <c r="L216" s="337" t="s">
        <v>1015</v>
      </c>
      <c r="M216" s="336"/>
      <c r="N216" s="336"/>
      <c r="O216" s="336"/>
      <c r="P216" s="337" t="s">
        <v>1015</v>
      </c>
      <c r="Q216" s="336"/>
      <c r="R216" s="336"/>
      <c r="S216" s="336"/>
      <c r="T216" s="337" t="s">
        <v>1015</v>
      </c>
      <c r="U216" s="336"/>
      <c r="V216" s="336"/>
      <c r="W216" s="336"/>
      <c r="Y216" s="336"/>
      <c r="Z216" s="336" t="s">
        <v>685</v>
      </c>
      <c r="AA216" s="336"/>
      <c r="AB216" s="336"/>
      <c r="AC216" s="336"/>
      <c r="AD216" s="337" t="s">
        <v>1016</v>
      </c>
      <c r="AE216" s="336"/>
      <c r="AF216" s="336"/>
      <c r="AG216" s="336"/>
      <c r="AH216" s="337" t="s">
        <v>1016</v>
      </c>
      <c r="AI216" s="336"/>
      <c r="AJ216" s="336"/>
      <c r="AK216" s="336"/>
      <c r="AL216" s="337" t="s">
        <v>1016</v>
      </c>
      <c r="AM216" s="336"/>
      <c r="AN216" s="336"/>
      <c r="AO216" s="336"/>
      <c r="AP216" s="337" t="s">
        <v>1016</v>
      </c>
      <c r="AQ216" s="336"/>
      <c r="AR216" s="336"/>
      <c r="AS216" s="336"/>
      <c r="AT216" s="81"/>
    </row>
    <row r="217" spans="1:46" ht="18" customHeight="1" x14ac:dyDescent="0.4">
      <c r="A217" s="492"/>
      <c r="B217" s="80"/>
      <c r="C217" s="337" t="s">
        <v>691</v>
      </c>
      <c r="D217" s="336" t="s">
        <v>682</v>
      </c>
      <c r="E217" s="336"/>
      <c r="F217" s="336"/>
      <c r="G217" s="336"/>
      <c r="H217" s="336"/>
      <c r="I217" s="336"/>
      <c r="J217" s="336"/>
      <c r="K217" s="336"/>
      <c r="L217" s="336"/>
      <c r="M217" s="336"/>
      <c r="N217" s="336"/>
      <c r="O217" s="336"/>
      <c r="P217" s="336"/>
      <c r="Q217" s="336"/>
      <c r="R217" s="336"/>
      <c r="S217" s="336"/>
      <c r="T217" s="336"/>
      <c r="U217" s="336"/>
      <c r="V217" s="336"/>
      <c r="W217" s="336"/>
      <c r="Y217" s="337" t="s">
        <v>692</v>
      </c>
      <c r="Z217" s="336" t="s">
        <v>682</v>
      </c>
      <c r="AA217" s="336"/>
      <c r="AB217" s="336"/>
      <c r="AC217" s="336"/>
      <c r="AD217" s="336"/>
      <c r="AE217" s="336"/>
      <c r="AF217" s="336"/>
      <c r="AG217" s="336"/>
      <c r="AH217" s="336"/>
      <c r="AI217" s="336"/>
      <c r="AJ217" s="336"/>
      <c r="AK217" s="336"/>
      <c r="AL217" s="336"/>
      <c r="AM217" s="336"/>
      <c r="AN217" s="336"/>
      <c r="AO217" s="336"/>
      <c r="AP217" s="336"/>
      <c r="AQ217" s="336"/>
      <c r="AR217" s="336"/>
      <c r="AS217" s="336"/>
      <c r="AT217" s="81"/>
    </row>
    <row r="218" spans="1:46" ht="18" customHeight="1" x14ac:dyDescent="0.4">
      <c r="A218" s="492"/>
      <c r="B218" s="80"/>
      <c r="C218" s="336"/>
      <c r="D218" s="336" t="s">
        <v>684</v>
      </c>
      <c r="E218" s="336"/>
      <c r="F218" s="336"/>
      <c r="G218" s="336"/>
      <c r="H218" s="336"/>
      <c r="I218" s="336"/>
      <c r="J218" s="336"/>
      <c r="K218" s="336"/>
      <c r="L218" s="336"/>
      <c r="M218" s="336"/>
      <c r="N218" s="336"/>
      <c r="O218" s="336"/>
      <c r="P218" s="336"/>
      <c r="Q218" s="336"/>
      <c r="R218" s="336"/>
      <c r="S218" s="336"/>
      <c r="T218" s="336"/>
      <c r="U218" s="336"/>
      <c r="V218" s="336"/>
      <c r="W218" s="336"/>
      <c r="Y218" s="336"/>
      <c r="Z218" s="336" t="s">
        <v>684</v>
      </c>
      <c r="AA218" s="336"/>
      <c r="AB218" s="336"/>
      <c r="AC218" s="336"/>
      <c r="AD218" s="336"/>
      <c r="AE218" s="336"/>
      <c r="AF218" s="336"/>
      <c r="AG218" s="336"/>
      <c r="AH218" s="336"/>
      <c r="AI218" s="336"/>
      <c r="AJ218" s="336"/>
      <c r="AK218" s="336"/>
      <c r="AL218" s="336"/>
      <c r="AM218" s="336"/>
      <c r="AN218" s="336"/>
      <c r="AO218" s="336"/>
      <c r="AP218" s="336"/>
      <c r="AQ218" s="336"/>
      <c r="AR218" s="336"/>
      <c r="AS218" s="336"/>
      <c r="AT218" s="81"/>
    </row>
    <row r="219" spans="1:46" ht="80.099999999999994" customHeight="1" x14ac:dyDescent="0.4">
      <c r="A219" s="492"/>
      <c r="B219" s="80"/>
      <c r="C219" s="336"/>
      <c r="D219" s="336" t="s">
        <v>685</v>
      </c>
      <c r="E219" s="336"/>
      <c r="F219" s="336"/>
      <c r="G219" s="336"/>
      <c r="H219" s="337" t="s">
        <v>1015</v>
      </c>
      <c r="I219" s="336"/>
      <c r="J219" s="336"/>
      <c r="K219" s="336"/>
      <c r="L219" s="337" t="s">
        <v>1015</v>
      </c>
      <c r="M219" s="336"/>
      <c r="N219" s="336"/>
      <c r="O219" s="336"/>
      <c r="P219" s="337" t="s">
        <v>1015</v>
      </c>
      <c r="Q219" s="336"/>
      <c r="R219" s="336"/>
      <c r="S219" s="336"/>
      <c r="T219" s="337" t="s">
        <v>1015</v>
      </c>
      <c r="U219" s="336"/>
      <c r="V219" s="336"/>
      <c r="W219" s="336"/>
      <c r="Y219" s="336"/>
      <c r="Z219" s="336" t="s">
        <v>685</v>
      </c>
      <c r="AA219" s="336"/>
      <c r="AB219" s="336"/>
      <c r="AC219" s="336"/>
      <c r="AD219" s="337" t="s">
        <v>1016</v>
      </c>
      <c r="AE219" s="336"/>
      <c r="AF219" s="336"/>
      <c r="AG219" s="336"/>
      <c r="AH219" s="337" t="s">
        <v>1016</v>
      </c>
      <c r="AI219" s="336"/>
      <c r="AJ219" s="336"/>
      <c r="AK219" s="336"/>
      <c r="AL219" s="337" t="s">
        <v>1016</v>
      </c>
      <c r="AM219" s="336"/>
      <c r="AN219" s="336"/>
      <c r="AO219" s="336"/>
      <c r="AP219" s="337" t="s">
        <v>1016</v>
      </c>
      <c r="AQ219" s="336"/>
      <c r="AR219" s="336"/>
      <c r="AS219" s="336"/>
      <c r="AT219" s="81"/>
    </row>
    <row r="220" spans="1:46" ht="18" customHeight="1" x14ac:dyDescent="0.4">
      <c r="A220" s="492"/>
      <c r="B220" s="80"/>
      <c r="C220" s="337" t="s">
        <v>693</v>
      </c>
      <c r="D220" s="336" t="s">
        <v>682</v>
      </c>
      <c r="E220" s="336"/>
      <c r="F220" s="336"/>
      <c r="G220" s="336"/>
      <c r="H220" s="336"/>
      <c r="I220" s="336"/>
      <c r="J220" s="336"/>
      <c r="K220" s="336"/>
      <c r="L220" s="336"/>
      <c r="M220" s="336"/>
      <c r="N220" s="336"/>
      <c r="O220" s="336"/>
      <c r="P220" s="336"/>
      <c r="Q220" s="336"/>
      <c r="R220" s="336"/>
      <c r="S220" s="336"/>
      <c r="T220" s="336"/>
      <c r="U220" s="336"/>
      <c r="V220" s="336"/>
      <c r="W220" s="336"/>
      <c r="Y220" s="337" t="s">
        <v>694</v>
      </c>
      <c r="Z220" s="336" t="s">
        <v>682</v>
      </c>
      <c r="AA220" s="336"/>
      <c r="AB220" s="336"/>
      <c r="AC220" s="336"/>
      <c r="AD220" s="336"/>
      <c r="AE220" s="336"/>
      <c r="AF220" s="336"/>
      <c r="AG220" s="336"/>
      <c r="AH220" s="336"/>
      <c r="AI220" s="336"/>
      <c r="AJ220" s="336"/>
      <c r="AK220" s="336"/>
      <c r="AL220" s="336"/>
      <c r="AM220" s="336"/>
      <c r="AN220" s="336"/>
      <c r="AO220" s="336"/>
      <c r="AP220" s="336"/>
      <c r="AQ220" s="336"/>
      <c r="AR220" s="336"/>
      <c r="AS220" s="336"/>
      <c r="AT220" s="81"/>
    </row>
    <row r="221" spans="1:46" ht="18" customHeight="1" x14ac:dyDescent="0.4">
      <c r="A221" s="492"/>
      <c r="B221" s="80"/>
      <c r="C221" s="336"/>
      <c r="D221" s="336" t="s">
        <v>684</v>
      </c>
      <c r="E221" s="336"/>
      <c r="F221" s="336"/>
      <c r="G221" s="336"/>
      <c r="H221" s="336"/>
      <c r="I221" s="336"/>
      <c r="J221" s="336"/>
      <c r="K221" s="336"/>
      <c r="L221" s="336"/>
      <c r="M221" s="336"/>
      <c r="N221" s="336"/>
      <c r="O221" s="336"/>
      <c r="P221" s="336"/>
      <c r="Q221" s="336"/>
      <c r="R221" s="336"/>
      <c r="S221" s="336"/>
      <c r="T221" s="336"/>
      <c r="U221" s="336"/>
      <c r="V221" s="336"/>
      <c r="W221" s="336"/>
      <c r="Y221" s="336"/>
      <c r="Z221" s="336" t="s">
        <v>684</v>
      </c>
      <c r="AA221" s="336"/>
      <c r="AB221" s="336"/>
      <c r="AC221" s="336"/>
      <c r="AD221" s="336"/>
      <c r="AE221" s="336"/>
      <c r="AF221" s="336"/>
      <c r="AG221" s="336"/>
      <c r="AH221" s="336"/>
      <c r="AI221" s="336"/>
      <c r="AJ221" s="336"/>
      <c r="AK221" s="336"/>
      <c r="AL221" s="336"/>
      <c r="AM221" s="336"/>
      <c r="AN221" s="336"/>
      <c r="AO221" s="336"/>
      <c r="AP221" s="336"/>
      <c r="AQ221" s="336"/>
      <c r="AR221" s="336"/>
      <c r="AS221" s="336"/>
      <c r="AT221" s="81"/>
    </row>
    <row r="222" spans="1:46" ht="80.099999999999994" customHeight="1" x14ac:dyDescent="0.4">
      <c r="A222" s="492"/>
      <c r="B222" s="80"/>
      <c r="C222" s="336"/>
      <c r="D222" s="336" t="s">
        <v>685</v>
      </c>
      <c r="E222" s="336"/>
      <c r="F222" s="336"/>
      <c r="G222" s="336"/>
      <c r="H222" s="337" t="s">
        <v>1015</v>
      </c>
      <c r="I222" s="336"/>
      <c r="J222" s="336"/>
      <c r="K222" s="336"/>
      <c r="L222" s="337" t="s">
        <v>1015</v>
      </c>
      <c r="M222" s="336"/>
      <c r="N222" s="336"/>
      <c r="O222" s="336"/>
      <c r="P222" s="337" t="s">
        <v>1015</v>
      </c>
      <c r="Q222" s="336"/>
      <c r="R222" s="336"/>
      <c r="S222" s="336"/>
      <c r="T222" s="337" t="s">
        <v>1015</v>
      </c>
      <c r="U222" s="336"/>
      <c r="V222" s="336"/>
      <c r="W222" s="336"/>
      <c r="Y222" s="336"/>
      <c r="Z222" s="336" t="s">
        <v>685</v>
      </c>
      <c r="AA222" s="336"/>
      <c r="AB222" s="336"/>
      <c r="AC222" s="336"/>
      <c r="AD222" s="337" t="s">
        <v>1016</v>
      </c>
      <c r="AE222" s="336"/>
      <c r="AF222" s="336"/>
      <c r="AG222" s="336"/>
      <c r="AH222" s="337" t="s">
        <v>1016</v>
      </c>
      <c r="AI222" s="336"/>
      <c r="AJ222" s="336"/>
      <c r="AK222" s="336"/>
      <c r="AL222" s="337" t="s">
        <v>1016</v>
      </c>
      <c r="AM222" s="336"/>
      <c r="AN222" s="336"/>
      <c r="AO222" s="336"/>
      <c r="AP222" s="337" t="s">
        <v>1016</v>
      </c>
      <c r="AQ222" s="336"/>
      <c r="AR222" s="336"/>
      <c r="AS222" s="336"/>
      <c r="AT222" s="81"/>
    </row>
    <row r="223" spans="1:46" ht="18" customHeight="1" x14ac:dyDescent="0.4">
      <c r="A223" s="492"/>
      <c r="B223" s="80"/>
      <c r="C223" s="97" t="s">
        <v>695</v>
      </c>
      <c r="AT223" s="81"/>
    </row>
    <row r="224" spans="1:46" ht="18" customHeight="1" x14ac:dyDescent="0.4">
      <c r="A224" s="492"/>
      <c r="B224" s="18"/>
      <c r="C224" s="19"/>
      <c r="D224" s="19"/>
      <c r="E224" s="19"/>
      <c r="F224" s="19"/>
      <c r="G224" s="19"/>
      <c r="H224" s="19"/>
      <c r="I224" s="19"/>
      <c r="J224" s="19"/>
      <c r="K224" s="19"/>
      <c r="L224" s="19"/>
      <c r="M224" s="19"/>
      <c r="N224" s="19"/>
      <c r="O224" s="19"/>
      <c r="P224" s="19"/>
      <c r="Q224" s="19"/>
      <c r="R224" s="19"/>
      <c r="S224" s="19"/>
      <c r="T224" s="19"/>
      <c r="U224" s="19"/>
      <c r="V224" s="19"/>
      <c r="W224" s="19"/>
      <c r="X224" s="19"/>
      <c r="Y224" s="19"/>
      <c r="Z224" s="19"/>
      <c r="AA224" s="19"/>
      <c r="AB224" s="19"/>
      <c r="AC224" s="19"/>
      <c r="AD224" s="19"/>
      <c r="AE224" s="19"/>
      <c r="AF224" s="19"/>
      <c r="AG224" s="19"/>
      <c r="AH224" s="19"/>
      <c r="AI224" s="19"/>
      <c r="AJ224" s="19"/>
      <c r="AK224" s="19"/>
      <c r="AL224" s="19"/>
      <c r="AM224" s="19"/>
      <c r="AN224" s="19"/>
      <c r="AO224" s="19"/>
      <c r="AP224" s="19"/>
      <c r="AQ224" s="19"/>
      <c r="AR224" s="19"/>
      <c r="AS224" s="19"/>
      <c r="AT224" s="82"/>
    </row>
    <row r="225" spans="1:46" ht="18" customHeight="1" x14ac:dyDescent="0.4">
      <c r="A225" s="492" t="s">
        <v>696</v>
      </c>
      <c r="B225" s="12"/>
      <c r="C225" s="13"/>
      <c r="D225" s="13"/>
      <c r="E225" s="13"/>
      <c r="F225" s="13"/>
      <c r="G225" s="13"/>
      <c r="H225" s="13"/>
      <c r="I225" s="13"/>
      <c r="J225" s="13"/>
      <c r="K225" s="13"/>
      <c r="L225" s="13"/>
      <c r="M225" s="13"/>
      <c r="N225" s="13"/>
      <c r="O225" s="13"/>
      <c r="P225" s="13"/>
      <c r="Q225" s="13"/>
      <c r="R225" s="13"/>
      <c r="S225" s="13"/>
      <c r="T225" s="13"/>
      <c r="U225" s="13"/>
      <c r="V225" s="13"/>
      <c r="W225" s="13"/>
      <c r="X225" s="13"/>
      <c r="Y225" s="13"/>
      <c r="Z225" s="13"/>
      <c r="AA225" s="13"/>
      <c r="AB225" s="13"/>
      <c r="AC225" s="13"/>
      <c r="AD225" s="13"/>
      <c r="AE225" s="13"/>
      <c r="AF225" s="13"/>
      <c r="AG225" s="13"/>
      <c r="AH225" s="13"/>
      <c r="AI225" s="13"/>
      <c r="AJ225" s="13"/>
      <c r="AK225" s="13"/>
      <c r="AL225" s="13"/>
      <c r="AM225" s="13"/>
      <c r="AN225" s="13"/>
      <c r="AO225" s="13"/>
      <c r="AP225" s="12"/>
      <c r="AQ225" s="13"/>
      <c r="AR225" s="13"/>
      <c r="AS225" s="13"/>
      <c r="AT225" s="13"/>
    </row>
    <row r="226" spans="1:46" ht="20.100000000000001" customHeight="1" x14ac:dyDescent="0.4">
      <c r="A226" s="492"/>
      <c r="B226" s="80"/>
      <c r="C226" s="496"/>
      <c r="D226" s="497"/>
      <c r="E226" s="497"/>
      <c r="F226" s="497"/>
      <c r="G226" s="497"/>
      <c r="H226" s="497"/>
      <c r="I226" s="498"/>
      <c r="J226" s="295" t="s">
        <v>697</v>
      </c>
      <c r="K226" s="295"/>
      <c r="L226" s="295"/>
      <c r="M226" s="295"/>
      <c r="N226" s="295" t="s">
        <v>698</v>
      </c>
      <c r="O226" s="295"/>
      <c r="P226" s="295"/>
      <c r="Q226" s="295"/>
      <c r="R226" s="295" t="s">
        <v>699</v>
      </c>
      <c r="S226" s="295"/>
      <c r="T226" s="295"/>
      <c r="U226" s="295"/>
      <c r="V226" s="295" t="s">
        <v>700</v>
      </c>
      <c r="W226" s="295"/>
      <c r="X226" s="295"/>
      <c r="Y226" s="295"/>
      <c r="Z226" s="295" t="s">
        <v>701</v>
      </c>
      <c r="AA226" s="295"/>
      <c r="AB226" s="295"/>
      <c r="AC226" s="295"/>
      <c r="AD226" s="295" t="s">
        <v>702</v>
      </c>
      <c r="AE226" s="295"/>
      <c r="AF226" s="295"/>
      <c r="AG226" s="295"/>
      <c r="AH226" s="295" t="s">
        <v>703</v>
      </c>
      <c r="AI226" s="295"/>
      <c r="AJ226" s="295"/>
      <c r="AK226" s="295"/>
      <c r="AP226" s="80"/>
    </row>
    <row r="227" spans="1:46" ht="24.95" customHeight="1" x14ac:dyDescent="0.4">
      <c r="A227" s="492"/>
      <c r="B227" s="80"/>
      <c r="C227" s="496" t="s">
        <v>704</v>
      </c>
      <c r="D227" s="497"/>
      <c r="E227" s="497"/>
      <c r="F227" s="497"/>
      <c r="G227" s="497"/>
      <c r="H227" s="497"/>
      <c r="I227" s="498"/>
      <c r="J227" s="295"/>
      <c r="K227" s="295"/>
      <c r="L227" s="295"/>
      <c r="M227" s="295"/>
      <c r="N227" s="295"/>
      <c r="O227" s="295"/>
      <c r="P227" s="295"/>
      <c r="Q227" s="295"/>
      <c r="R227" s="295"/>
      <c r="S227" s="295"/>
      <c r="T227" s="295"/>
      <c r="U227" s="295"/>
      <c r="V227" s="295"/>
      <c r="W227" s="295"/>
      <c r="X227" s="295"/>
      <c r="Y227" s="295"/>
      <c r="Z227" s="295"/>
      <c r="AA227" s="295"/>
      <c r="AB227" s="295"/>
      <c r="AC227" s="295"/>
      <c r="AD227" s="295"/>
      <c r="AE227" s="295"/>
      <c r="AF227" s="295"/>
      <c r="AG227" s="295"/>
      <c r="AH227" s="295"/>
      <c r="AI227" s="295"/>
      <c r="AJ227" s="295"/>
      <c r="AK227" s="295"/>
      <c r="AP227" s="80"/>
    </row>
    <row r="228" spans="1:46" ht="24.95" customHeight="1" x14ac:dyDescent="0.4">
      <c r="A228" s="492"/>
      <c r="B228" s="80"/>
      <c r="C228" s="337" t="s">
        <v>705</v>
      </c>
      <c r="D228" s="337"/>
      <c r="E228" s="337"/>
      <c r="F228" s="570" t="s">
        <v>706</v>
      </c>
      <c r="G228" s="570"/>
      <c r="H228" s="570"/>
      <c r="I228" s="570"/>
      <c r="J228" s="467"/>
      <c r="K228" s="471"/>
      <c r="L228" s="471"/>
      <c r="M228" s="472"/>
      <c r="N228" s="467"/>
      <c r="O228" s="471"/>
      <c r="P228" s="471"/>
      <c r="Q228" s="472"/>
      <c r="R228" s="467"/>
      <c r="S228" s="471"/>
      <c r="T228" s="471"/>
      <c r="U228" s="472"/>
      <c r="V228" s="467"/>
      <c r="W228" s="471"/>
      <c r="X228" s="471"/>
      <c r="Y228" s="472"/>
      <c r="Z228" s="467"/>
      <c r="AA228" s="471"/>
      <c r="AB228" s="471"/>
      <c r="AC228" s="472"/>
      <c r="AD228" s="467"/>
      <c r="AE228" s="471"/>
      <c r="AF228" s="471"/>
      <c r="AG228" s="472"/>
      <c r="AH228" s="467"/>
      <c r="AI228" s="471"/>
      <c r="AJ228" s="471"/>
      <c r="AK228" s="472"/>
      <c r="AP228" s="80"/>
    </row>
    <row r="229" spans="1:46" ht="50.1" customHeight="1" x14ac:dyDescent="0.4">
      <c r="A229" s="492"/>
      <c r="B229" s="80"/>
      <c r="C229" s="337"/>
      <c r="D229" s="337"/>
      <c r="E229" s="337"/>
      <c r="F229" s="571" t="s">
        <v>1017</v>
      </c>
      <c r="G229" s="340"/>
      <c r="H229" s="340"/>
      <c r="I229" s="340"/>
      <c r="J229" s="504"/>
      <c r="K229" s="368"/>
      <c r="L229" s="368"/>
      <c r="M229" s="369"/>
      <c r="N229" s="504"/>
      <c r="O229" s="368"/>
      <c r="P229" s="368"/>
      <c r="Q229" s="369"/>
      <c r="R229" s="504"/>
      <c r="S229" s="368"/>
      <c r="T229" s="368"/>
      <c r="U229" s="369"/>
      <c r="V229" s="504"/>
      <c r="W229" s="368"/>
      <c r="X229" s="368"/>
      <c r="Y229" s="369"/>
      <c r="Z229" s="504"/>
      <c r="AA229" s="368"/>
      <c r="AB229" s="368"/>
      <c r="AC229" s="369"/>
      <c r="AD229" s="504"/>
      <c r="AE229" s="368"/>
      <c r="AF229" s="368"/>
      <c r="AG229" s="369"/>
      <c r="AH229" s="504"/>
      <c r="AI229" s="368"/>
      <c r="AJ229" s="368"/>
      <c r="AK229" s="369"/>
      <c r="AP229" s="80"/>
    </row>
    <row r="230" spans="1:46" ht="18" customHeight="1" x14ac:dyDescent="0.4">
      <c r="A230" s="492"/>
      <c r="B230" s="80"/>
      <c r="AP230" s="80"/>
    </row>
    <row r="231" spans="1:46" ht="20.100000000000001" customHeight="1" x14ac:dyDescent="0.4">
      <c r="A231" s="492"/>
      <c r="B231" s="80"/>
      <c r="C231" s="496"/>
      <c r="D231" s="497"/>
      <c r="E231" s="497"/>
      <c r="F231" s="497"/>
      <c r="G231" s="497"/>
      <c r="H231" s="497"/>
      <c r="I231" s="498"/>
      <c r="J231" s="295" t="s">
        <v>707</v>
      </c>
      <c r="K231" s="295"/>
      <c r="L231" s="295"/>
      <c r="M231" s="295"/>
      <c r="N231" s="295" t="s">
        <v>708</v>
      </c>
      <c r="O231" s="295"/>
      <c r="P231" s="295"/>
      <c r="Q231" s="295"/>
      <c r="R231" s="295" t="s">
        <v>709</v>
      </c>
      <c r="S231" s="295"/>
      <c r="T231" s="295"/>
      <c r="U231" s="295"/>
      <c r="V231" s="295" t="s">
        <v>710</v>
      </c>
      <c r="W231" s="295"/>
      <c r="X231" s="295"/>
      <c r="Y231" s="295"/>
      <c r="Z231" s="295" t="s">
        <v>711</v>
      </c>
      <c r="AA231" s="295"/>
      <c r="AB231" s="295"/>
      <c r="AC231" s="295"/>
      <c r="AD231" s="295" t="s">
        <v>712</v>
      </c>
      <c r="AE231" s="295"/>
      <c r="AF231" s="295"/>
      <c r="AG231" s="295"/>
      <c r="AH231" s="295"/>
      <c r="AI231" s="295"/>
      <c r="AJ231" s="295"/>
      <c r="AK231" s="295"/>
      <c r="AP231" s="80"/>
    </row>
    <row r="232" spans="1:46" ht="24.95" customHeight="1" x14ac:dyDescent="0.4">
      <c r="A232" s="492"/>
      <c r="B232" s="80"/>
      <c r="C232" s="496" t="s">
        <v>704</v>
      </c>
      <c r="D232" s="497"/>
      <c r="E232" s="497"/>
      <c r="F232" s="497"/>
      <c r="G232" s="497"/>
      <c r="H232" s="497"/>
      <c r="I232" s="498"/>
      <c r="J232" s="295"/>
      <c r="K232" s="295"/>
      <c r="L232" s="295"/>
      <c r="M232" s="295"/>
      <c r="N232" s="295"/>
      <c r="O232" s="295"/>
      <c r="P232" s="295"/>
      <c r="Q232" s="295"/>
      <c r="R232" s="295"/>
      <c r="S232" s="295"/>
      <c r="T232" s="295"/>
      <c r="U232" s="295"/>
      <c r="V232" s="295"/>
      <c r="W232" s="295"/>
      <c r="X232" s="295"/>
      <c r="Y232" s="295"/>
      <c r="Z232" s="295"/>
      <c r="AA232" s="295"/>
      <c r="AB232" s="295"/>
      <c r="AC232" s="295"/>
      <c r="AD232" s="465" t="s">
        <v>181</v>
      </c>
      <c r="AE232" s="466"/>
      <c r="AF232" s="469">
        <f>J227+N227+R227+V227+Z227+AD227+AH227+J232+N232+R232+V232+Z227</f>
        <v>0</v>
      </c>
      <c r="AG232" s="469"/>
      <c r="AH232" s="469"/>
      <c r="AI232" s="469"/>
      <c r="AJ232" s="469"/>
      <c r="AK232" s="470"/>
      <c r="AP232" s="80"/>
    </row>
    <row r="233" spans="1:46" ht="24.95" customHeight="1" x14ac:dyDescent="0.4">
      <c r="A233" s="492"/>
      <c r="B233" s="80"/>
      <c r="C233" s="337" t="s">
        <v>705</v>
      </c>
      <c r="D233" s="337"/>
      <c r="E233" s="337"/>
      <c r="F233" s="570" t="s">
        <v>706</v>
      </c>
      <c r="G233" s="570"/>
      <c r="H233" s="570"/>
      <c r="I233" s="570"/>
      <c r="J233" s="467"/>
      <c r="K233" s="471"/>
      <c r="L233" s="471"/>
      <c r="M233" s="472"/>
      <c r="N233" s="467"/>
      <c r="O233" s="471"/>
      <c r="P233" s="471"/>
      <c r="Q233" s="472"/>
      <c r="R233" s="467"/>
      <c r="S233" s="471"/>
      <c r="T233" s="471"/>
      <c r="U233" s="472"/>
      <c r="V233" s="467"/>
      <c r="W233" s="471"/>
      <c r="X233" s="471"/>
      <c r="Y233" s="472"/>
      <c r="Z233" s="467"/>
      <c r="AA233" s="471"/>
      <c r="AB233" s="471"/>
      <c r="AC233" s="472"/>
      <c r="AD233" s="467" t="s">
        <v>182</v>
      </c>
      <c r="AE233" s="468"/>
      <c r="AF233" s="471">
        <f>J228+N228+R228+V228+Z228+AD228+AH228+J233+N233+R233+V233+Z228</f>
        <v>0</v>
      </c>
      <c r="AG233" s="471"/>
      <c r="AH233" s="471"/>
      <c r="AI233" s="471"/>
      <c r="AJ233" s="471"/>
      <c r="AK233" s="472"/>
      <c r="AP233" s="80"/>
    </row>
    <row r="234" spans="1:46" ht="24.95" customHeight="1" x14ac:dyDescent="0.4">
      <c r="A234" s="492"/>
      <c r="B234" s="80"/>
      <c r="C234" s="337"/>
      <c r="D234" s="337"/>
      <c r="E234" s="337"/>
      <c r="F234" s="448" t="s">
        <v>1017</v>
      </c>
      <c r="G234" s="449"/>
      <c r="H234" s="449"/>
      <c r="I234" s="450"/>
      <c r="J234" s="454"/>
      <c r="K234" s="455"/>
      <c r="L234" s="455"/>
      <c r="M234" s="456"/>
      <c r="N234" s="454"/>
      <c r="O234" s="455"/>
      <c r="P234" s="455"/>
      <c r="Q234" s="456"/>
      <c r="R234" s="454"/>
      <c r="S234" s="455"/>
      <c r="T234" s="455"/>
      <c r="U234" s="456"/>
      <c r="V234" s="454"/>
      <c r="W234" s="455"/>
      <c r="X234" s="455"/>
      <c r="Y234" s="456"/>
      <c r="Z234" s="454"/>
      <c r="AA234" s="455"/>
      <c r="AB234" s="455"/>
      <c r="AC234" s="456"/>
      <c r="AD234" s="454" t="s">
        <v>1098</v>
      </c>
      <c r="AE234" s="460"/>
      <c r="AF234" s="463" t="e">
        <f>ROUNDDOWN(AF233/AF232,0)</f>
        <v>#DIV/0!</v>
      </c>
      <c r="AG234" s="463"/>
      <c r="AH234" s="463"/>
      <c r="AI234" s="463"/>
      <c r="AJ234" s="463"/>
      <c r="AK234" s="464"/>
      <c r="AP234" s="80"/>
    </row>
    <row r="235" spans="1:46" ht="24.95" customHeight="1" x14ac:dyDescent="0.4">
      <c r="A235" s="492"/>
      <c r="B235" s="80"/>
      <c r="C235" s="337"/>
      <c r="D235" s="337"/>
      <c r="E235" s="337"/>
      <c r="F235" s="451"/>
      <c r="G235" s="452"/>
      <c r="H235" s="452"/>
      <c r="I235" s="453"/>
      <c r="J235" s="457"/>
      <c r="K235" s="458"/>
      <c r="L235" s="458"/>
      <c r="M235" s="459"/>
      <c r="N235" s="457"/>
      <c r="O235" s="458"/>
      <c r="P235" s="458"/>
      <c r="Q235" s="459"/>
      <c r="R235" s="457"/>
      <c r="S235" s="458"/>
      <c r="T235" s="458"/>
      <c r="U235" s="459"/>
      <c r="V235" s="457"/>
      <c r="W235" s="458"/>
      <c r="X235" s="458"/>
      <c r="Y235" s="459"/>
      <c r="Z235" s="457"/>
      <c r="AA235" s="458"/>
      <c r="AB235" s="458"/>
      <c r="AC235" s="459"/>
      <c r="AD235" s="461"/>
      <c r="AE235" s="462"/>
      <c r="AF235" s="368"/>
      <c r="AG235" s="368"/>
      <c r="AH235" s="368"/>
      <c r="AI235" s="368"/>
      <c r="AJ235" s="368"/>
      <c r="AK235" s="369"/>
      <c r="AP235" s="80"/>
    </row>
    <row r="236" spans="1:46" ht="18" customHeight="1" x14ac:dyDescent="0.4">
      <c r="A236" s="492"/>
      <c r="B236" s="18"/>
      <c r="C236" s="19"/>
      <c r="D236" s="19"/>
      <c r="E236" s="19"/>
      <c r="F236" s="19"/>
      <c r="G236" s="19"/>
      <c r="H236" s="19"/>
      <c r="I236" s="19"/>
      <c r="J236" s="19"/>
      <c r="K236" s="19"/>
      <c r="L236" s="19"/>
      <c r="M236" s="19"/>
      <c r="N236" s="19"/>
      <c r="O236" s="19"/>
      <c r="P236" s="19"/>
      <c r="Q236" s="19"/>
      <c r="R236" s="19"/>
      <c r="S236" s="19"/>
      <c r="T236" s="19"/>
      <c r="U236" s="19"/>
      <c r="V236" s="19"/>
      <c r="W236" s="19"/>
      <c r="X236" s="19"/>
      <c r="Y236" s="19"/>
      <c r="Z236" s="19"/>
      <c r="AA236" s="19"/>
      <c r="AB236" s="19"/>
      <c r="AC236" s="19"/>
      <c r="AD236" s="19"/>
      <c r="AE236" s="19"/>
      <c r="AF236" s="19"/>
      <c r="AG236" s="19"/>
      <c r="AH236" s="19"/>
      <c r="AI236" s="19"/>
      <c r="AJ236" s="19"/>
      <c r="AK236" s="19"/>
      <c r="AL236" s="19"/>
      <c r="AM236" s="19"/>
      <c r="AN236" s="19"/>
      <c r="AO236" s="19"/>
      <c r="AP236" s="80"/>
    </row>
    <row r="237" spans="1:46" ht="18" customHeight="1" x14ac:dyDescent="0.4">
      <c r="A237" s="473" t="s">
        <v>1058</v>
      </c>
      <c r="B237" s="12"/>
      <c r="C237" s="13"/>
      <c r="D237" s="13"/>
      <c r="E237" s="13"/>
      <c r="F237" s="13"/>
      <c r="G237" s="13"/>
      <c r="H237" s="13"/>
      <c r="I237" s="13"/>
      <c r="J237" s="13"/>
      <c r="K237" s="13"/>
      <c r="L237" s="13"/>
      <c r="M237" s="13"/>
      <c r="N237" s="13"/>
      <c r="O237" s="13"/>
      <c r="P237" s="13"/>
      <c r="Q237" s="13"/>
      <c r="R237" s="13"/>
      <c r="S237" s="13"/>
      <c r="T237" s="13"/>
      <c r="U237" s="13"/>
      <c r="V237" s="13"/>
      <c r="W237" s="13"/>
      <c r="X237" s="13"/>
      <c r="Y237" s="13"/>
      <c r="Z237" s="13"/>
      <c r="AA237" s="13"/>
      <c r="AB237" s="13"/>
      <c r="AC237" s="13"/>
      <c r="AD237" s="13"/>
      <c r="AE237" s="13"/>
      <c r="AF237" s="13"/>
      <c r="AG237" s="13"/>
      <c r="AH237" s="13"/>
      <c r="AI237" s="13"/>
      <c r="AJ237" s="13"/>
      <c r="AK237" s="13"/>
      <c r="AL237" s="13"/>
      <c r="AM237" s="13"/>
      <c r="AN237" s="13"/>
      <c r="AO237" s="13"/>
      <c r="AP237" s="80"/>
    </row>
    <row r="238" spans="1:46" ht="18" customHeight="1" x14ac:dyDescent="0.4">
      <c r="A238" s="474"/>
      <c r="B238" s="80"/>
      <c r="C238" s="563"/>
      <c r="D238" s="564"/>
      <c r="E238" s="564"/>
      <c r="F238" s="565"/>
      <c r="G238" s="563" t="s">
        <v>713</v>
      </c>
      <c r="H238" s="564"/>
      <c r="I238" s="564"/>
      <c r="J238" s="564"/>
      <c r="K238" s="564"/>
      <c r="L238" s="564"/>
      <c r="M238" s="564"/>
      <c r="N238" s="564"/>
      <c r="O238" s="564"/>
      <c r="P238" s="565"/>
      <c r="Q238" s="569" t="s">
        <v>714</v>
      </c>
      <c r="R238" s="569"/>
      <c r="S238" s="569"/>
      <c r="T238" s="569"/>
      <c r="U238" s="569"/>
      <c r="V238" s="569"/>
      <c r="W238" s="569"/>
      <c r="X238" s="138"/>
      <c r="Y238" s="138"/>
      <c r="Z238" s="138"/>
      <c r="AA238" s="138"/>
      <c r="AB238" s="138"/>
      <c r="AC238" s="138"/>
      <c r="AD238" s="138"/>
      <c r="AE238" s="138"/>
      <c r="AP238" s="80"/>
    </row>
    <row r="239" spans="1:46" ht="30" customHeight="1" x14ac:dyDescent="0.4">
      <c r="A239" s="474"/>
      <c r="B239" s="80"/>
      <c r="C239" s="563" t="s">
        <v>715</v>
      </c>
      <c r="D239" s="564"/>
      <c r="E239" s="564"/>
      <c r="F239" s="565"/>
      <c r="G239" s="566"/>
      <c r="H239" s="567"/>
      <c r="I239" s="567"/>
      <c r="J239" s="567"/>
      <c r="K239" s="567"/>
      <c r="L239" s="567"/>
      <c r="M239" s="567"/>
      <c r="N239" s="567"/>
      <c r="O239" s="567"/>
      <c r="P239" s="568"/>
      <c r="Q239" s="561"/>
      <c r="R239" s="561"/>
      <c r="S239" s="561"/>
      <c r="T239" s="561"/>
      <c r="U239" s="561"/>
      <c r="V239" s="561"/>
      <c r="W239" s="561"/>
      <c r="AP239" s="80"/>
    </row>
    <row r="240" spans="1:46" ht="30" customHeight="1" x14ac:dyDescent="0.4">
      <c r="A240" s="474"/>
      <c r="B240" s="80"/>
      <c r="C240" s="563" t="s">
        <v>595</v>
      </c>
      <c r="D240" s="564"/>
      <c r="E240" s="564"/>
      <c r="F240" s="565"/>
      <c r="G240" s="566"/>
      <c r="H240" s="567"/>
      <c r="I240" s="567"/>
      <c r="J240" s="567"/>
      <c r="K240" s="567"/>
      <c r="L240" s="567"/>
      <c r="M240" s="567"/>
      <c r="N240" s="567"/>
      <c r="O240" s="567"/>
      <c r="P240" s="568"/>
      <c r="Q240" s="561"/>
      <c r="R240" s="561"/>
      <c r="S240" s="561"/>
      <c r="T240" s="561"/>
      <c r="U240" s="561"/>
      <c r="V240" s="561"/>
      <c r="W240" s="561"/>
      <c r="AP240" s="80"/>
    </row>
    <row r="241" spans="1:42" ht="30" customHeight="1" x14ac:dyDescent="0.4">
      <c r="A241" s="474"/>
      <c r="B241" s="80"/>
      <c r="C241" s="563" t="s">
        <v>716</v>
      </c>
      <c r="D241" s="564"/>
      <c r="E241" s="564"/>
      <c r="F241" s="565"/>
      <c r="G241" s="566"/>
      <c r="H241" s="567"/>
      <c r="I241" s="567"/>
      <c r="J241" s="567"/>
      <c r="K241" s="567"/>
      <c r="L241" s="567"/>
      <c r="M241" s="567"/>
      <c r="N241" s="567"/>
      <c r="O241" s="567"/>
      <c r="P241" s="568"/>
      <c r="Q241" s="561"/>
      <c r="R241" s="561"/>
      <c r="S241" s="561"/>
      <c r="T241" s="561"/>
      <c r="U241" s="561"/>
      <c r="V241" s="561"/>
      <c r="W241" s="561"/>
      <c r="AP241" s="80"/>
    </row>
    <row r="242" spans="1:42" ht="30" customHeight="1" x14ac:dyDescent="0.4">
      <c r="A242" s="474"/>
      <c r="B242" s="80"/>
      <c r="C242" s="563" t="s">
        <v>717</v>
      </c>
      <c r="D242" s="564"/>
      <c r="E242" s="564"/>
      <c r="F242" s="565"/>
      <c r="G242" s="566"/>
      <c r="H242" s="567"/>
      <c r="I242" s="567"/>
      <c r="J242" s="567"/>
      <c r="K242" s="567"/>
      <c r="L242" s="567"/>
      <c r="M242" s="567"/>
      <c r="N242" s="567"/>
      <c r="O242" s="567"/>
      <c r="P242" s="568"/>
      <c r="Q242" s="561"/>
      <c r="R242" s="561"/>
      <c r="S242" s="561"/>
      <c r="T242" s="561"/>
      <c r="U242" s="561"/>
      <c r="V242" s="561"/>
      <c r="W242" s="561"/>
      <c r="AP242" s="80"/>
    </row>
    <row r="243" spans="1:42" ht="30" customHeight="1" x14ac:dyDescent="0.4">
      <c r="A243" s="474"/>
      <c r="B243" s="80"/>
      <c r="C243" s="563" t="s">
        <v>718</v>
      </c>
      <c r="D243" s="564"/>
      <c r="E243" s="564"/>
      <c r="F243" s="565"/>
      <c r="G243" s="566"/>
      <c r="H243" s="567"/>
      <c r="I243" s="567"/>
      <c r="J243" s="567"/>
      <c r="K243" s="567"/>
      <c r="L243" s="567"/>
      <c r="M243" s="567"/>
      <c r="N243" s="567"/>
      <c r="O243" s="567"/>
      <c r="P243" s="568"/>
      <c r="Q243" s="561"/>
      <c r="R243" s="561"/>
      <c r="S243" s="561"/>
      <c r="T243" s="561"/>
      <c r="U243" s="561"/>
      <c r="V243" s="561"/>
      <c r="W243" s="561"/>
      <c r="AP243" s="80"/>
    </row>
    <row r="244" spans="1:42" ht="18" customHeight="1" x14ac:dyDescent="0.4">
      <c r="A244" s="477"/>
      <c r="B244" s="18"/>
      <c r="C244" s="19"/>
      <c r="D244" s="19"/>
      <c r="E244" s="19"/>
      <c r="F244" s="19"/>
      <c r="G244" s="19"/>
      <c r="H244" s="19"/>
      <c r="I244" s="19"/>
      <c r="J244" s="19"/>
      <c r="K244" s="19"/>
      <c r="L244" s="19"/>
      <c r="M244" s="19"/>
      <c r="N244" s="19"/>
      <c r="O244" s="19"/>
      <c r="P244" s="19"/>
      <c r="Q244" s="19"/>
      <c r="R244" s="19"/>
      <c r="S244" s="19"/>
      <c r="T244" s="19"/>
      <c r="U244" s="19"/>
      <c r="V244" s="19"/>
      <c r="W244" s="19"/>
      <c r="X244" s="19"/>
      <c r="Y244" s="19"/>
      <c r="Z244" s="19"/>
      <c r="AA244" s="19"/>
      <c r="AB244" s="19"/>
      <c r="AC244" s="19"/>
      <c r="AD244" s="19"/>
      <c r="AE244" s="19"/>
      <c r="AF244" s="19"/>
      <c r="AG244" s="19"/>
      <c r="AH244" s="19"/>
      <c r="AI244" s="19"/>
      <c r="AJ244" s="19"/>
      <c r="AK244" s="19"/>
      <c r="AL244" s="19"/>
      <c r="AM244" s="19"/>
      <c r="AN244" s="19"/>
      <c r="AO244" s="19"/>
      <c r="AP244" s="80"/>
    </row>
    <row r="245" spans="1:42" ht="18" customHeight="1" x14ac:dyDescent="0.4">
      <c r="A245" s="492" t="s">
        <v>1059</v>
      </c>
      <c r="B245" s="12"/>
      <c r="C245" s="13"/>
      <c r="D245" s="13"/>
      <c r="E245" s="13"/>
      <c r="F245" s="13"/>
      <c r="G245" s="13"/>
      <c r="H245" s="13"/>
      <c r="I245" s="13"/>
      <c r="J245" s="13"/>
      <c r="K245" s="13"/>
      <c r="L245" s="13"/>
      <c r="M245" s="13"/>
      <c r="N245" s="13"/>
      <c r="O245" s="13"/>
      <c r="P245" s="13"/>
      <c r="Q245" s="13"/>
      <c r="R245" s="13"/>
      <c r="S245" s="13"/>
      <c r="T245" s="13"/>
      <c r="U245" s="13"/>
      <c r="V245" s="13"/>
      <c r="W245" s="13"/>
      <c r="X245" s="13"/>
      <c r="Y245" s="13"/>
      <c r="Z245" s="13"/>
      <c r="AA245" s="13"/>
      <c r="AB245" s="13"/>
      <c r="AC245" s="13"/>
      <c r="AD245" s="13"/>
      <c r="AE245" s="13"/>
      <c r="AF245" s="13"/>
      <c r="AG245" s="13"/>
      <c r="AH245" s="13"/>
      <c r="AI245" s="13"/>
      <c r="AJ245" s="13"/>
      <c r="AK245" s="13"/>
      <c r="AL245" s="13"/>
      <c r="AM245" s="13"/>
      <c r="AN245" s="13"/>
      <c r="AO245" s="13"/>
      <c r="AP245" s="80"/>
    </row>
    <row r="246" spans="1:42" ht="80.099999999999994" customHeight="1" x14ac:dyDescent="0.4">
      <c r="A246" s="492"/>
      <c r="B246" s="80"/>
      <c r="C246" s="562"/>
      <c r="D246" s="562"/>
      <c r="E246" s="562"/>
      <c r="F246" s="562"/>
      <c r="G246" s="562"/>
      <c r="H246" s="562"/>
      <c r="I246" s="562"/>
      <c r="J246" s="562"/>
      <c r="K246" s="562"/>
      <c r="L246" s="562"/>
      <c r="M246" s="562"/>
      <c r="N246" s="562"/>
      <c r="O246" s="562"/>
      <c r="P246" s="562"/>
      <c r="Q246" s="562"/>
      <c r="R246" s="562"/>
      <c r="S246" s="562"/>
      <c r="T246" s="562"/>
      <c r="U246" s="562"/>
      <c r="V246" s="562"/>
      <c r="W246" s="562"/>
      <c r="AP246" s="80"/>
    </row>
    <row r="247" spans="1:42" ht="18" customHeight="1" x14ac:dyDescent="0.4">
      <c r="A247" s="492"/>
      <c r="B247" s="18"/>
      <c r="C247" s="19"/>
      <c r="D247" s="19"/>
      <c r="E247" s="19"/>
      <c r="F247" s="19"/>
      <c r="G247" s="19"/>
      <c r="H247" s="19"/>
      <c r="I247" s="19"/>
      <c r="J247" s="19"/>
      <c r="K247" s="19"/>
      <c r="L247" s="19"/>
      <c r="M247" s="19"/>
      <c r="N247" s="19"/>
      <c r="O247" s="19"/>
      <c r="P247" s="19"/>
      <c r="Q247" s="19"/>
      <c r="R247" s="19"/>
      <c r="S247" s="19"/>
      <c r="T247" s="19"/>
      <c r="U247" s="19"/>
      <c r="V247" s="19"/>
      <c r="W247" s="19"/>
      <c r="X247" s="19"/>
      <c r="Y247" s="19"/>
      <c r="Z247" s="19"/>
      <c r="AA247" s="19"/>
      <c r="AB247" s="19"/>
      <c r="AC247" s="19"/>
      <c r="AD247" s="19"/>
      <c r="AE247" s="19"/>
      <c r="AF247" s="19"/>
      <c r="AG247" s="19"/>
      <c r="AH247" s="19"/>
      <c r="AI247" s="19"/>
      <c r="AJ247" s="19"/>
      <c r="AK247" s="19"/>
      <c r="AL247" s="19"/>
      <c r="AM247" s="19"/>
      <c r="AN247" s="19"/>
      <c r="AO247" s="19"/>
      <c r="AP247" s="80"/>
    </row>
    <row r="248" spans="1:42" ht="18" customHeight="1" x14ac:dyDescent="0.4">
      <c r="A248" s="473" t="s">
        <v>719</v>
      </c>
      <c r="B248" s="12"/>
      <c r="C248" s="13"/>
      <c r="D248" s="13"/>
      <c r="E248" s="13"/>
      <c r="F248" s="13"/>
      <c r="G248" s="13"/>
      <c r="H248" s="13"/>
      <c r="I248" s="13"/>
      <c r="J248" s="13"/>
      <c r="K248" s="13"/>
      <c r="L248" s="13"/>
      <c r="M248" s="13"/>
      <c r="N248" s="13"/>
      <c r="O248" s="13"/>
      <c r="P248" s="13"/>
      <c r="Q248" s="13"/>
      <c r="R248" s="13"/>
      <c r="S248" s="13"/>
      <c r="T248" s="13"/>
      <c r="U248" s="13"/>
      <c r="V248" s="13"/>
      <c r="W248" s="13"/>
      <c r="X248" s="13"/>
      <c r="Y248" s="13"/>
      <c r="Z248" s="13"/>
      <c r="AA248" s="13"/>
      <c r="AB248" s="13"/>
      <c r="AC248" s="13"/>
      <c r="AD248" s="13"/>
      <c r="AE248" s="13"/>
      <c r="AF248" s="13"/>
      <c r="AG248" s="13"/>
      <c r="AH248" s="13"/>
      <c r="AI248" s="13"/>
      <c r="AJ248" s="13"/>
      <c r="AK248" s="13"/>
      <c r="AL248" s="13"/>
      <c r="AM248" s="13"/>
      <c r="AN248" s="13"/>
      <c r="AO248" s="13"/>
      <c r="AP248" s="80"/>
    </row>
    <row r="249" spans="1:42" ht="18" customHeight="1" x14ac:dyDescent="0.4">
      <c r="A249" s="474"/>
      <c r="B249" s="80"/>
      <c r="C249" s="26" t="s">
        <v>720</v>
      </c>
      <c r="AP249" s="80"/>
    </row>
    <row r="250" spans="1:42" ht="18" customHeight="1" x14ac:dyDescent="0.4">
      <c r="A250" s="474"/>
      <c r="B250" s="80"/>
      <c r="C250" s="496" t="s">
        <v>646</v>
      </c>
      <c r="D250" s="497"/>
      <c r="E250" s="497"/>
      <c r="F250" s="497"/>
      <c r="G250" s="497"/>
      <c r="H250" s="497"/>
      <c r="I250" s="498"/>
      <c r="J250" s="336" t="s">
        <v>721</v>
      </c>
      <c r="K250" s="336"/>
      <c r="L250" s="336"/>
      <c r="M250" s="336"/>
      <c r="N250" s="336"/>
      <c r="O250" s="336"/>
      <c r="P250" s="336" t="s">
        <v>722</v>
      </c>
      <c r="Q250" s="336"/>
      <c r="R250" s="336"/>
      <c r="S250" s="336"/>
      <c r="T250" s="336"/>
      <c r="U250" s="336"/>
      <c r="V250" s="336"/>
      <c r="AP250" s="80"/>
    </row>
    <row r="251" spans="1:42" ht="18" customHeight="1" x14ac:dyDescent="0.4">
      <c r="A251" s="474"/>
      <c r="B251" s="80"/>
      <c r="C251" s="496" t="s">
        <v>723</v>
      </c>
      <c r="D251" s="497"/>
      <c r="E251" s="497"/>
      <c r="F251" s="497"/>
      <c r="G251" s="497"/>
      <c r="H251" s="497"/>
      <c r="I251" s="498"/>
      <c r="J251" s="336"/>
      <c r="K251" s="336"/>
      <c r="L251" s="336"/>
      <c r="M251" s="336"/>
      <c r="N251" s="336"/>
      <c r="O251" s="336"/>
      <c r="P251" s="336"/>
      <c r="Q251" s="336"/>
      <c r="R251" s="336"/>
      <c r="S251" s="336"/>
      <c r="T251" s="336"/>
      <c r="U251" s="336"/>
      <c r="V251" s="336"/>
      <c r="AP251" s="80"/>
    </row>
    <row r="252" spans="1:42" ht="18" customHeight="1" x14ac:dyDescent="0.4">
      <c r="A252" s="474"/>
      <c r="B252" s="80"/>
      <c r="AP252" s="80"/>
    </row>
    <row r="253" spans="1:42" ht="18" customHeight="1" x14ac:dyDescent="0.4">
      <c r="A253" s="474"/>
      <c r="B253" s="80"/>
      <c r="C253" s="26" t="s">
        <v>724</v>
      </c>
      <c r="AP253" s="80"/>
    </row>
    <row r="254" spans="1:42" ht="18" customHeight="1" x14ac:dyDescent="0.4">
      <c r="A254" s="474"/>
      <c r="B254" s="80"/>
      <c r="C254" s="496" t="s">
        <v>646</v>
      </c>
      <c r="D254" s="497"/>
      <c r="E254" s="497"/>
      <c r="F254" s="497"/>
      <c r="G254" s="497"/>
      <c r="H254" s="497"/>
      <c r="I254" s="498"/>
      <c r="J254" s="336" t="s">
        <v>721</v>
      </c>
      <c r="K254" s="336"/>
      <c r="L254" s="336"/>
      <c r="M254" s="336"/>
      <c r="N254" s="336"/>
      <c r="O254" s="336"/>
      <c r="P254" s="336" t="s">
        <v>722</v>
      </c>
      <c r="Q254" s="336"/>
      <c r="R254" s="336"/>
      <c r="S254" s="336"/>
      <c r="T254" s="336"/>
      <c r="U254" s="336"/>
      <c r="V254" s="336"/>
      <c r="AP254" s="80"/>
    </row>
    <row r="255" spans="1:42" ht="18" customHeight="1" x14ac:dyDescent="0.4">
      <c r="A255" s="474"/>
      <c r="B255" s="80"/>
      <c r="C255" s="496" t="s">
        <v>723</v>
      </c>
      <c r="D255" s="497"/>
      <c r="E255" s="497"/>
      <c r="F255" s="497"/>
      <c r="G255" s="497"/>
      <c r="H255" s="497"/>
      <c r="I255" s="498"/>
      <c r="J255" s="336"/>
      <c r="K255" s="336"/>
      <c r="L255" s="336"/>
      <c r="M255" s="336"/>
      <c r="N255" s="336"/>
      <c r="O255" s="336"/>
      <c r="P255" s="336"/>
      <c r="Q255" s="336"/>
      <c r="R255" s="336"/>
      <c r="S255" s="336"/>
      <c r="T255" s="336"/>
      <c r="U255" s="336"/>
      <c r="V255" s="336"/>
      <c r="AP255" s="80"/>
    </row>
    <row r="256" spans="1:42" ht="18" customHeight="1" x14ac:dyDescent="0.4">
      <c r="A256" s="477"/>
      <c r="B256" s="18"/>
      <c r="C256" s="19"/>
      <c r="D256" s="19"/>
      <c r="E256" s="19"/>
      <c r="F256" s="19"/>
      <c r="G256" s="19"/>
      <c r="H256" s="19"/>
      <c r="I256" s="19"/>
      <c r="J256" s="19"/>
      <c r="K256" s="19"/>
      <c r="L256" s="19"/>
      <c r="M256" s="19"/>
      <c r="N256" s="19"/>
      <c r="O256" s="19"/>
      <c r="P256" s="19"/>
      <c r="Q256" s="19"/>
      <c r="R256" s="19"/>
      <c r="S256" s="19"/>
      <c r="T256" s="19"/>
      <c r="U256" s="19"/>
      <c r="V256" s="19"/>
      <c r="W256" s="19"/>
      <c r="X256" s="19"/>
      <c r="Y256" s="19"/>
      <c r="Z256" s="19"/>
      <c r="AA256" s="19"/>
      <c r="AB256" s="19"/>
      <c r="AC256" s="19"/>
      <c r="AD256" s="19"/>
      <c r="AE256" s="19"/>
      <c r="AF256" s="19"/>
      <c r="AG256" s="19"/>
      <c r="AH256" s="19"/>
      <c r="AI256" s="19"/>
      <c r="AJ256" s="19"/>
      <c r="AK256" s="19"/>
      <c r="AL256" s="19"/>
      <c r="AM256" s="19"/>
      <c r="AN256" s="19"/>
      <c r="AO256" s="19"/>
      <c r="AP256" s="80"/>
    </row>
    <row r="257" spans="1:42" ht="18" customHeight="1" x14ac:dyDescent="0.4">
      <c r="A257" s="473" t="s">
        <v>725</v>
      </c>
      <c r="B257" s="12"/>
      <c r="C257" s="13"/>
      <c r="D257" s="13"/>
      <c r="E257" s="13"/>
      <c r="F257" s="13"/>
      <c r="G257" s="13"/>
      <c r="H257" s="13"/>
      <c r="I257" s="13"/>
      <c r="J257" s="13"/>
      <c r="K257" s="13"/>
      <c r="L257" s="13"/>
      <c r="M257" s="13"/>
      <c r="N257" s="13"/>
      <c r="O257" s="13"/>
      <c r="P257" s="13"/>
      <c r="Q257" s="13"/>
      <c r="R257" s="13"/>
      <c r="S257" s="13"/>
      <c r="T257" s="13"/>
      <c r="U257" s="13"/>
      <c r="V257" s="13"/>
      <c r="W257" s="13"/>
      <c r="X257" s="13"/>
      <c r="Y257" s="13"/>
      <c r="Z257" s="13"/>
      <c r="AA257" s="13"/>
      <c r="AB257" s="13"/>
      <c r="AC257" s="13"/>
      <c r="AD257" s="13"/>
      <c r="AE257" s="13"/>
      <c r="AF257" s="13"/>
      <c r="AG257" s="13"/>
      <c r="AH257" s="13"/>
      <c r="AI257" s="13"/>
      <c r="AJ257" s="13"/>
      <c r="AK257" s="13"/>
      <c r="AL257" s="13"/>
      <c r="AM257" s="13"/>
      <c r="AN257" s="13"/>
      <c r="AO257" s="13"/>
      <c r="AP257" s="80"/>
    </row>
    <row r="258" spans="1:42" ht="18" customHeight="1" x14ac:dyDescent="0.4">
      <c r="A258" s="474"/>
      <c r="B258" s="80"/>
      <c r="C258" s="26" t="s">
        <v>724</v>
      </c>
      <c r="AP258" s="80"/>
    </row>
    <row r="259" spans="1:42" ht="18" customHeight="1" x14ac:dyDescent="0.4">
      <c r="A259" s="474"/>
      <c r="B259" s="80"/>
      <c r="C259" s="496" t="s">
        <v>646</v>
      </c>
      <c r="D259" s="497"/>
      <c r="E259" s="497"/>
      <c r="F259" s="497"/>
      <c r="G259" s="497"/>
      <c r="H259" s="497"/>
      <c r="I259" s="498"/>
      <c r="J259" s="336" t="s">
        <v>721</v>
      </c>
      <c r="K259" s="336"/>
      <c r="L259" s="336"/>
      <c r="M259" s="336"/>
      <c r="N259" s="336"/>
      <c r="O259" s="336"/>
      <c r="P259" s="336" t="s">
        <v>722</v>
      </c>
      <c r="Q259" s="336"/>
      <c r="R259" s="336"/>
      <c r="S259" s="336"/>
      <c r="T259" s="336"/>
      <c r="U259" s="336"/>
      <c r="V259" s="336"/>
      <c r="AP259" s="80"/>
    </row>
    <row r="260" spans="1:42" ht="18" customHeight="1" x14ac:dyDescent="0.4">
      <c r="A260" s="474"/>
      <c r="B260" s="80"/>
      <c r="C260" s="496" t="s">
        <v>723</v>
      </c>
      <c r="D260" s="497"/>
      <c r="E260" s="497"/>
      <c r="F260" s="497"/>
      <c r="G260" s="497"/>
      <c r="H260" s="497"/>
      <c r="I260" s="498"/>
      <c r="J260" s="336"/>
      <c r="K260" s="336"/>
      <c r="L260" s="336"/>
      <c r="M260" s="336"/>
      <c r="N260" s="336"/>
      <c r="O260" s="336"/>
      <c r="P260" s="336"/>
      <c r="Q260" s="336"/>
      <c r="R260" s="336"/>
      <c r="S260" s="336"/>
      <c r="T260" s="336"/>
      <c r="U260" s="336"/>
      <c r="V260" s="336"/>
      <c r="AP260" s="80"/>
    </row>
    <row r="261" spans="1:42" ht="18" customHeight="1" x14ac:dyDescent="0.4">
      <c r="A261" s="474"/>
      <c r="B261" s="80"/>
      <c r="C261" s="496" t="s">
        <v>723</v>
      </c>
      <c r="D261" s="497"/>
      <c r="E261" s="497"/>
      <c r="F261" s="497"/>
      <c r="G261" s="497"/>
      <c r="H261" s="497"/>
      <c r="I261" s="498"/>
      <c r="J261" s="336"/>
      <c r="K261" s="336"/>
      <c r="L261" s="336"/>
      <c r="M261" s="336"/>
      <c r="N261" s="336"/>
      <c r="O261" s="336"/>
      <c r="P261" s="336"/>
      <c r="Q261" s="336"/>
      <c r="R261" s="336"/>
      <c r="S261" s="336"/>
      <c r="T261" s="336"/>
      <c r="U261" s="336"/>
      <c r="V261" s="336"/>
      <c r="AP261" s="80"/>
    </row>
    <row r="262" spans="1:42" ht="18" customHeight="1" x14ac:dyDescent="0.4">
      <c r="A262" s="474"/>
      <c r="B262" s="80"/>
      <c r="C262" s="101" t="s">
        <v>921</v>
      </c>
      <c r="D262" s="131"/>
      <c r="E262" s="131"/>
      <c r="F262" s="131"/>
      <c r="G262" s="131"/>
      <c r="H262" s="131"/>
      <c r="I262" s="131"/>
      <c r="J262" s="131"/>
      <c r="K262" s="131"/>
      <c r="L262" s="131"/>
      <c r="M262" s="131"/>
      <c r="N262" s="131"/>
      <c r="O262" s="131"/>
      <c r="P262" s="131"/>
      <c r="Q262" s="131"/>
      <c r="R262" s="131"/>
      <c r="S262" s="131"/>
      <c r="T262" s="131"/>
      <c r="U262" s="131"/>
      <c r="V262" s="131"/>
      <c r="AP262" s="80"/>
    </row>
    <row r="263" spans="1:42" ht="18" customHeight="1" x14ac:dyDescent="0.4">
      <c r="A263" s="477"/>
      <c r="B263" s="18"/>
      <c r="C263" s="19"/>
      <c r="D263" s="19"/>
      <c r="E263" s="19"/>
      <c r="F263" s="19"/>
      <c r="G263" s="19"/>
      <c r="H263" s="19"/>
      <c r="I263" s="19"/>
      <c r="J263" s="19"/>
      <c r="K263" s="19"/>
      <c r="L263" s="19"/>
      <c r="M263" s="19"/>
      <c r="N263" s="19"/>
      <c r="O263" s="19"/>
      <c r="P263" s="19"/>
      <c r="Q263" s="19"/>
      <c r="R263" s="19"/>
      <c r="S263" s="19"/>
      <c r="T263" s="19"/>
      <c r="U263" s="19"/>
      <c r="V263" s="19"/>
      <c r="W263" s="19"/>
      <c r="X263" s="19"/>
      <c r="Y263" s="19"/>
      <c r="Z263" s="19"/>
      <c r="AA263" s="19"/>
      <c r="AB263" s="19"/>
      <c r="AC263" s="19"/>
      <c r="AD263" s="19"/>
      <c r="AE263" s="19"/>
      <c r="AF263" s="19"/>
      <c r="AG263" s="19"/>
      <c r="AH263" s="19"/>
      <c r="AI263" s="19"/>
      <c r="AJ263" s="19"/>
      <c r="AK263" s="19"/>
      <c r="AL263" s="19"/>
      <c r="AM263" s="19"/>
      <c r="AN263" s="19"/>
      <c r="AO263" s="19"/>
      <c r="AP263" s="80"/>
    </row>
    <row r="264" spans="1:42" ht="18" customHeight="1" x14ac:dyDescent="0.4">
      <c r="A264" s="473" t="s">
        <v>726</v>
      </c>
      <c r="B264" s="12"/>
      <c r="C264" s="13"/>
      <c r="D264" s="13"/>
      <c r="E264" s="13"/>
      <c r="F264" s="13"/>
      <c r="G264" s="13"/>
      <c r="H264" s="13"/>
      <c r="I264" s="13"/>
      <c r="J264" s="13"/>
      <c r="K264" s="13"/>
      <c r="L264" s="13"/>
      <c r="M264" s="13"/>
      <c r="N264" s="13"/>
      <c r="O264" s="13"/>
      <c r="P264" s="13"/>
      <c r="Q264" s="13"/>
      <c r="R264" s="13"/>
      <c r="S264" s="13"/>
      <c r="T264" s="13"/>
      <c r="U264" s="13"/>
      <c r="V264" s="13"/>
      <c r="W264" s="13"/>
      <c r="X264" s="13"/>
      <c r="Y264" s="13"/>
      <c r="Z264" s="13"/>
      <c r="AA264" s="13"/>
      <c r="AB264" s="13"/>
      <c r="AC264" s="13"/>
      <c r="AD264" s="13"/>
      <c r="AE264" s="13"/>
      <c r="AF264" s="13"/>
      <c r="AG264" s="13"/>
      <c r="AH264" s="13"/>
      <c r="AI264" s="13"/>
      <c r="AJ264" s="13"/>
      <c r="AK264" s="13"/>
      <c r="AL264" s="13"/>
      <c r="AM264" s="13"/>
      <c r="AN264" s="13"/>
      <c r="AO264" s="13"/>
      <c r="AP264" s="80"/>
    </row>
    <row r="265" spans="1:42" ht="18" customHeight="1" x14ac:dyDescent="0.4">
      <c r="A265" s="474"/>
      <c r="B265" s="80"/>
      <c r="C265" s="26" t="s">
        <v>724</v>
      </c>
      <c r="AP265" s="80"/>
    </row>
    <row r="266" spans="1:42" ht="18" customHeight="1" x14ac:dyDescent="0.4">
      <c r="A266" s="474"/>
      <c r="B266" s="80"/>
      <c r="C266" s="496" t="s">
        <v>646</v>
      </c>
      <c r="D266" s="497"/>
      <c r="E266" s="497"/>
      <c r="F266" s="497"/>
      <c r="G266" s="497"/>
      <c r="H266" s="497"/>
      <c r="I266" s="498"/>
      <c r="J266" s="336" t="s">
        <v>721</v>
      </c>
      <c r="K266" s="336"/>
      <c r="L266" s="336"/>
      <c r="M266" s="336"/>
      <c r="N266" s="336"/>
      <c r="O266" s="336"/>
      <c r="P266" s="336" t="s">
        <v>722</v>
      </c>
      <c r="Q266" s="336"/>
      <c r="R266" s="336"/>
      <c r="S266" s="336"/>
      <c r="T266" s="336"/>
      <c r="U266" s="336"/>
      <c r="V266" s="336"/>
      <c r="AP266" s="80"/>
    </row>
    <row r="267" spans="1:42" ht="18" customHeight="1" x14ac:dyDescent="0.4">
      <c r="A267" s="474"/>
      <c r="B267" s="80"/>
      <c r="C267" s="496" t="s">
        <v>723</v>
      </c>
      <c r="D267" s="497"/>
      <c r="E267" s="497"/>
      <c r="F267" s="497"/>
      <c r="G267" s="497"/>
      <c r="H267" s="497"/>
      <c r="I267" s="498"/>
      <c r="J267" s="336"/>
      <c r="K267" s="336"/>
      <c r="L267" s="336"/>
      <c r="M267" s="336"/>
      <c r="N267" s="336"/>
      <c r="O267" s="336"/>
      <c r="P267" s="336"/>
      <c r="Q267" s="336"/>
      <c r="R267" s="336"/>
      <c r="S267" s="336"/>
      <c r="T267" s="336"/>
      <c r="U267" s="336"/>
      <c r="V267" s="336"/>
      <c r="AP267" s="80"/>
    </row>
    <row r="268" spans="1:42" ht="18" customHeight="1" x14ac:dyDescent="0.4">
      <c r="A268" s="474"/>
      <c r="B268" s="80"/>
      <c r="AP268" s="80"/>
    </row>
    <row r="269" spans="1:42" ht="18" customHeight="1" x14ac:dyDescent="0.4">
      <c r="A269" s="474"/>
      <c r="B269" s="80"/>
      <c r="C269" s="26" t="s">
        <v>727</v>
      </c>
      <c r="AP269" s="80"/>
    </row>
    <row r="270" spans="1:42" ht="18" customHeight="1" x14ac:dyDescent="0.4">
      <c r="A270" s="474"/>
      <c r="B270" s="80"/>
      <c r="C270" s="496" t="s">
        <v>646</v>
      </c>
      <c r="D270" s="497"/>
      <c r="E270" s="497"/>
      <c r="F270" s="497"/>
      <c r="G270" s="497"/>
      <c r="H270" s="497"/>
      <c r="I270" s="498"/>
      <c r="J270" s="336" t="s">
        <v>721</v>
      </c>
      <c r="K270" s="336"/>
      <c r="L270" s="336"/>
      <c r="M270" s="336"/>
      <c r="N270" s="336"/>
      <c r="O270" s="336"/>
      <c r="P270" s="336" t="s">
        <v>722</v>
      </c>
      <c r="Q270" s="336"/>
      <c r="R270" s="336"/>
      <c r="S270" s="336"/>
      <c r="T270" s="336"/>
      <c r="U270" s="336"/>
      <c r="V270" s="336"/>
      <c r="AP270" s="80"/>
    </row>
    <row r="271" spans="1:42" ht="18" customHeight="1" x14ac:dyDescent="0.4">
      <c r="A271" s="474"/>
      <c r="B271" s="80"/>
      <c r="C271" s="496" t="s">
        <v>723</v>
      </c>
      <c r="D271" s="497"/>
      <c r="E271" s="497"/>
      <c r="F271" s="497"/>
      <c r="G271" s="497"/>
      <c r="H271" s="497"/>
      <c r="I271" s="498"/>
      <c r="J271" s="336"/>
      <c r="K271" s="336"/>
      <c r="L271" s="336"/>
      <c r="M271" s="336"/>
      <c r="N271" s="336"/>
      <c r="O271" s="336"/>
      <c r="P271" s="336"/>
      <c r="Q271" s="336"/>
      <c r="R271" s="336"/>
      <c r="S271" s="336"/>
      <c r="T271" s="336"/>
      <c r="U271" s="336"/>
      <c r="V271" s="336"/>
      <c r="AP271" s="80"/>
    </row>
    <row r="272" spans="1:42" ht="18" customHeight="1" x14ac:dyDescent="0.4">
      <c r="A272" s="477"/>
      <c r="B272" s="18"/>
      <c r="C272" s="19"/>
      <c r="D272" s="19"/>
      <c r="E272" s="19"/>
      <c r="F272" s="19"/>
      <c r="G272" s="19"/>
      <c r="H272" s="19"/>
      <c r="I272" s="19"/>
      <c r="J272" s="19"/>
      <c r="K272" s="19"/>
      <c r="L272" s="19"/>
      <c r="M272" s="19"/>
      <c r="N272" s="19"/>
      <c r="O272" s="19"/>
      <c r="P272" s="19"/>
      <c r="Q272" s="19"/>
      <c r="R272" s="19"/>
      <c r="S272" s="19"/>
      <c r="T272" s="19"/>
      <c r="U272" s="19"/>
      <c r="V272" s="19"/>
      <c r="W272" s="19"/>
      <c r="X272" s="19"/>
      <c r="Y272" s="19"/>
      <c r="Z272" s="19"/>
      <c r="AA272" s="19"/>
      <c r="AB272" s="19"/>
      <c r="AC272" s="19"/>
      <c r="AD272" s="19"/>
      <c r="AE272" s="19"/>
      <c r="AF272" s="19"/>
      <c r="AG272" s="19"/>
      <c r="AH272" s="19"/>
      <c r="AI272" s="19"/>
      <c r="AJ272" s="19"/>
      <c r="AK272" s="19"/>
      <c r="AL272" s="19"/>
      <c r="AM272" s="19"/>
      <c r="AN272" s="19"/>
      <c r="AO272" s="19"/>
      <c r="AP272" s="80"/>
    </row>
    <row r="273" spans="1:42" ht="18" customHeight="1" x14ac:dyDescent="0.4">
      <c r="A273" s="473" t="s">
        <v>728</v>
      </c>
      <c r="B273" s="12"/>
      <c r="C273" s="13"/>
      <c r="D273" s="13"/>
      <c r="E273" s="13"/>
      <c r="F273" s="13"/>
      <c r="G273" s="13"/>
      <c r="H273" s="13"/>
      <c r="I273" s="13"/>
      <c r="J273" s="13"/>
      <c r="K273" s="13"/>
      <c r="L273" s="13"/>
      <c r="M273" s="13"/>
      <c r="N273" s="13"/>
      <c r="O273" s="13"/>
      <c r="P273" s="13"/>
      <c r="Q273" s="13"/>
      <c r="R273" s="13"/>
      <c r="S273" s="13"/>
      <c r="T273" s="13"/>
      <c r="U273" s="13"/>
      <c r="V273" s="13"/>
      <c r="W273" s="13"/>
      <c r="X273" s="13"/>
      <c r="Y273" s="13"/>
      <c r="Z273" s="13"/>
      <c r="AA273" s="13"/>
      <c r="AB273" s="13"/>
      <c r="AC273" s="13"/>
      <c r="AD273" s="13"/>
      <c r="AE273" s="13"/>
      <c r="AF273" s="13"/>
      <c r="AG273" s="13"/>
      <c r="AH273" s="13"/>
      <c r="AI273" s="13"/>
      <c r="AJ273" s="13"/>
      <c r="AK273" s="13"/>
      <c r="AL273" s="13"/>
      <c r="AM273" s="13"/>
      <c r="AN273" s="13"/>
      <c r="AO273" s="13"/>
      <c r="AP273" s="80"/>
    </row>
    <row r="274" spans="1:42" ht="15.95" customHeight="1" x14ac:dyDescent="0.4">
      <c r="A274" s="474"/>
      <c r="B274" s="80"/>
      <c r="C274" s="503" t="s">
        <v>1152</v>
      </c>
      <c r="D274" s="364"/>
      <c r="E274" s="364"/>
      <c r="F274" s="364"/>
      <c r="G274" s="364"/>
      <c r="H274" s="365"/>
      <c r="I274" s="557" t="s">
        <v>729</v>
      </c>
      <c r="J274" s="558"/>
      <c r="K274" s="558"/>
      <c r="L274" s="558"/>
      <c r="M274" s="364" t="s">
        <v>730</v>
      </c>
      <c r="N274" s="364"/>
      <c r="O274" s="364"/>
      <c r="P274" s="364"/>
      <c r="Q274" s="364"/>
      <c r="R274" s="364"/>
      <c r="S274" s="364"/>
      <c r="T274" s="364"/>
      <c r="U274" s="364"/>
      <c r="V274" s="365"/>
      <c r="AP274" s="80"/>
    </row>
    <row r="275" spans="1:42" ht="15.95" customHeight="1" x14ac:dyDescent="0.4">
      <c r="A275" s="474"/>
      <c r="B275" s="80"/>
      <c r="C275" s="504"/>
      <c r="D275" s="368"/>
      <c r="E275" s="368"/>
      <c r="F275" s="368"/>
      <c r="G275" s="368"/>
      <c r="H275" s="369"/>
      <c r="I275" s="559" t="s">
        <v>731</v>
      </c>
      <c r="J275" s="560"/>
      <c r="K275" s="560"/>
      <c r="L275" s="560"/>
      <c r="M275" s="368"/>
      <c r="N275" s="368"/>
      <c r="O275" s="368"/>
      <c r="P275" s="368"/>
      <c r="Q275" s="368"/>
      <c r="R275" s="368"/>
      <c r="S275" s="368"/>
      <c r="T275" s="368"/>
      <c r="U275" s="368"/>
      <c r="V275" s="369"/>
      <c r="AP275" s="80"/>
    </row>
    <row r="276" spans="1:42" ht="18" customHeight="1" x14ac:dyDescent="0.4">
      <c r="A276" s="477"/>
      <c r="B276" s="18"/>
      <c r="C276" s="19"/>
      <c r="D276" s="19"/>
      <c r="E276" s="19"/>
      <c r="F276" s="19"/>
      <c r="G276" s="19"/>
      <c r="H276" s="19"/>
      <c r="I276" s="19"/>
      <c r="J276" s="19"/>
      <c r="K276" s="19"/>
      <c r="L276" s="19"/>
      <c r="M276" s="19"/>
      <c r="N276" s="19"/>
      <c r="O276" s="19"/>
      <c r="P276" s="19"/>
      <c r="Q276" s="19"/>
      <c r="R276" s="19"/>
      <c r="S276" s="19"/>
      <c r="T276" s="19"/>
      <c r="U276" s="19"/>
      <c r="V276" s="19"/>
      <c r="W276" s="19"/>
      <c r="X276" s="19"/>
      <c r="Y276" s="19"/>
      <c r="Z276" s="19"/>
      <c r="AA276" s="19"/>
      <c r="AB276" s="19"/>
      <c r="AC276" s="19"/>
      <c r="AD276" s="19"/>
      <c r="AE276" s="19"/>
      <c r="AF276" s="19"/>
      <c r="AG276" s="19"/>
      <c r="AH276" s="19"/>
      <c r="AI276" s="19"/>
      <c r="AJ276" s="19"/>
      <c r="AK276" s="19"/>
      <c r="AL276" s="19"/>
      <c r="AM276" s="19"/>
      <c r="AN276" s="19"/>
      <c r="AO276" s="19"/>
      <c r="AP276" s="80"/>
    </row>
    <row r="277" spans="1:42" ht="18" customHeight="1" x14ac:dyDescent="0.4">
      <c r="A277" s="473" t="s">
        <v>732</v>
      </c>
      <c r="B277" s="12"/>
      <c r="C277" s="13"/>
      <c r="D277" s="13"/>
      <c r="E277" s="13"/>
      <c r="F277" s="13"/>
      <c r="G277" s="13"/>
      <c r="H277" s="13"/>
      <c r="I277" s="13"/>
      <c r="J277" s="13"/>
      <c r="K277" s="13"/>
      <c r="L277" s="13"/>
      <c r="M277" s="13"/>
      <c r="N277" s="13"/>
      <c r="O277" s="13"/>
      <c r="P277" s="13"/>
      <c r="Q277" s="13"/>
      <c r="R277" s="13"/>
      <c r="S277" s="13"/>
      <c r="T277" s="13"/>
      <c r="U277" s="13"/>
      <c r="V277" s="13"/>
      <c r="W277" s="13"/>
      <c r="X277" s="13"/>
      <c r="Y277" s="13"/>
      <c r="Z277" s="13"/>
      <c r="AA277" s="13"/>
      <c r="AB277" s="13"/>
      <c r="AC277" s="13"/>
      <c r="AD277" s="13"/>
      <c r="AE277" s="13"/>
      <c r="AF277" s="13"/>
      <c r="AG277" s="13"/>
      <c r="AH277" s="13"/>
      <c r="AI277" s="13"/>
      <c r="AJ277" s="13"/>
      <c r="AK277" s="13"/>
      <c r="AL277" s="13"/>
      <c r="AM277" s="13"/>
      <c r="AN277" s="13"/>
      <c r="AO277" s="13"/>
      <c r="AP277" s="80"/>
    </row>
    <row r="278" spans="1:42" ht="18" customHeight="1" x14ac:dyDescent="0.4">
      <c r="A278" s="474"/>
      <c r="B278" s="80"/>
      <c r="C278" s="295" t="s">
        <v>733</v>
      </c>
      <c r="D278" s="295"/>
      <c r="E278" s="295"/>
      <c r="F278" s="544"/>
      <c r="G278" s="544"/>
      <c r="H278" s="544"/>
      <c r="I278" s="544"/>
      <c r="J278" s="544"/>
      <c r="K278" s="295" t="s">
        <v>545</v>
      </c>
      <c r="L278" s="295"/>
      <c r="M278" s="295"/>
      <c r="N278" s="502"/>
      <c r="O278" s="502"/>
      <c r="P278" s="502"/>
      <c r="Q278" s="502"/>
      <c r="R278" s="502"/>
      <c r="S278" s="502"/>
      <c r="T278" s="502"/>
      <c r="U278" s="502"/>
      <c r="V278" s="502"/>
      <c r="W278" s="502"/>
      <c r="AP278" s="80"/>
    </row>
    <row r="279" spans="1:42" ht="18" customHeight="1" x14ac:dyDescent="0.4">
      <c r="A279" s="474"/>
      <c r="B279" s="80"/>
      <c r="C279" s="295" t="s">
        <v>734</v>
      </c>
      <c r="D279" s="295"/>
      <c r="E279" s="295"/>
      <c r="F279" s="295"/>
      <c r="G279" s="295"/>
      <c r="H279" s="295"/>
      <c r="I279" s="295"/>
      <c r="J279" s="295"/>
      <c r="K279" s="545" t="s">
        <v>585</v>
      </c>
      <c r="L279" s="545"/>
      <c r="M279" s="545"/>
      <c r="N279" s="545"/>
      <c r="O279" s="545"/>
      <c r="P279" s="545"/>
      <c r="Q279" s="545"/>
      <c r="R279" s="545"/>
      <c r="S279" s="546" t="s">
        <v>735</v>
      </c>
      <c r="T279" s="546"/>
      <c r="U279" s="546"/>
      <c r="V279" s="546"/>
      <c r="W279" s="546"/>
      <c r="AP279" s="80"/>
    </row>
    <row r="280" spans="1:42" ht="15.95" customHeight="1" x14ac:dyDescent="0.4">
      <c r="A280" s="474"/>
      <c r="B280" s="80"/>
      <c r="C280" s="551" t="s">
        <v>736</v>
      </c>
      <c r="D280" s="552"/>
      <c r="E280" s="552"/>
      <c r="F280" s="552"/>
      <c r="G280" s="552"/>
      <c r="H280" s="552"/>
      <c r="I280" s="552"/>
      <c r="J280" s="553"/>
      <c r="K280" s="503" t="s">
        <v>729</v>
      </c>
      <c r="L280" s="364"/>
      <c r="M280" s="364"/>
      <c r="N280" s="364" t="s">
        <v>737</v>
      </c>
      <c r="O280" s="364"/>
      <c r="P280" s="364"/>
      <c r="Q280" s="364"/>
      <c r="R280" s="364"/>
      <c r="S280" s="364"/>
      <c r="T280" s="364"/>
      <c r="U280" s="364"/>
      <c r="V280" s="364"/>
      <c r="W280" s="365"/>
      <c r="AP280" s="80"/>
    </row>
    <row r="281" spans="1:42" ht="15.95" customHeight="1" x14ac:dyDescent="0.4">
      <c r="A281" s="474"/>
      <c r="B281" s="80"/>
      <c r="C281" s="554"/>
      <c r="D281" s="555"/>
      <c r="E281" s="555"/>
      <c r="F281" s="555"/>
      <c r="G281" s="555"/>
      <c r="H281" s="555"/>
      <c r="I281" s="555"/>
      <c r="J281" s="556"/>
      <c r="K281" s="550" t="s">
        <v>731</v>
      </c>
      <c r="L281" s="301"/>
      <c r="M281" s="301"/>
      <c r="N281" s="368"/>
      <c r="O281" s="368"/>
      <c r="P281" s="368"/>
      <c r="Q281" s="368"/>
      <c r="R281" s="368"/>
      <c r="S281" s="368"/>
      <c r="T281" s="368"/>
      <c r="U281" s="368"/>
      <c r="V281" s="368"/>
      <c r="W281" s="369"/>
      <c r="AP281" s="80"/>
    </row>
    <row r="282" spans="1:42" ht="15.95" customHeight="1" x14ac:dyDescent="0.4">
      <c r="A282" s="474"/>
      <c r="B282" s="80"/>
      <c r="C282" s="551" t="s">
        <v>1081</v>
      </c>
      <c r="D282" s="552"/>
      <c r="E282" s="552"/>
      <c r="F282" s="552"/>
      <c r="G282" s="552"/>
      <c r="H282" s="552"/>
      <c r="I282" s="552"/>
      <c r="J282" s="553"/>
      <c r="K282" s="503" t="s">
        <v>729</v>
      </c>
      <c r="L282" s="364"/>
      <c r="M282" s="364"/>
      <c r="N282" s="364" t="s">
        <v>737</v>
      </c>
      <c r="O282" s="364"/>
      <c r="P282" s="364"/>
      <c r="Q282" s="364"/>
      <c r="R282" s="364"/>
      <c r="S282" s="364"/>
      <c r="T282" s="364"/>
      <c r="U282" s="364"/>
      <c r="V282" s="364"/>
      <c r="W282" s="365"/>
      <c r="AP282" s="80"/>
    </row>
    <row r="283" spans="1:42" ht="15.95" customHeight="1" x14ac:dyDescent="0.4">
      <c r="A283" s="474"/>
      <c r="B283" s="80"/>
      <c r="C283" s="554"/>
      <c r="D283" s="555"/>
      <c r="E283" s="555"/>
      <c r="F283" s="555"/>
      <c r="G283" s="555"/>
      <c r="H283" s="555"/>
      <c r="I283" s="555"/>
      <c r="J283" s="556"/>
      <c r="K283" s="504" t="s">
        <v>731</v>
      </c>
      <c r="L283" s="368"/>
      <c r="M283" s="368"/>
      <c r="N283" s="368"/>
      <c r="O283" s="368"/>
      <c r="P283" s="368"/>
      <c r="Q283" s="368"/>
      <c r="R283" s="368"/>
      <c r="S283" s="368"/>
      <c r="T283" s="368"/>
      <c r="U283" s="368"/>
      <c r="V283" s="368"/>
      <c r="W283" s="369"/>
      <c r="AP283" s="80"/>
    </row>
    <row r="284" spans="1:42" ht="18" customHeight="1" x14ac:dyDescent="0.4">
      <c r="A284" s="477"/>
      <c r="B284" s="18"/>
      <c r="C284" s="19"/>
      <c r="D284" s="19"/>
      <c r="E284" s="19"/>
      <c r="F284" s="19"/>
      <c r="G284" s="19"/>
      <c r="H284" s="19"/>
      <c r="I284" s="19"/>
      <c r="J284" s="19"/>
      <c r="K284" s="19"/>
      <c r="L284" s="19"/>
      <c r="M284" s="19"/>
      <c r="N284" s="19"/>
      <c r="O284" s="19"/>
      <c r="P284" s="19"/>
      <c r="Q284" s="19"/>
      <c r="R284" s="19"/>
      <c r="S284" s="19"/>
      <c r="T284" s="19"/>
      <c r="U284" s="19"/>
      <c r="V284" s="19"/>
      <c r="W284" s="19"/>
      <c r="X284" s="19"/>
      <c r="Y284" s="19"/>
      <c r="Z284" s="19"/>
      <c r="AA284" s="19"/>
      <c r="AB284" s="19"/>
      <c r="AC284" s="19"/>
      <c r="AD284" s="19"/>
      <c r="AE284" s="19"/>
      <c r="AF284" s="19"/>
      <c r="AG284" s="19"/>
      <c r="AH284" s="19"/>
      <c r="AI284" s="19"/>
      <c r="AJ284" s="19"/>
      <c r="AK284" s="19"/>
      <c r="AL284" s="19"/>
      <c r="AM284" s="19"/>
      <c r="AN284" s="19"/>
      <c r="AO284" s="19"/>
      <c r="AP284" s="80"/>
    </row>
    <row r="285" spans="1:42" ht="18" customHeight="1" x14ac:dyDescent="0.4">
      <c r="A285" s="492" t="s">
        <v>738</v>
      </c>
      <c r="B285" s="12"/>
      <c r="C285" s="13"/>
      <c r="D285" s="13"/>
      <c r="E285" s="13"/>
      <c r="F285" s="13"/>
      <c r="G285" s="13"/>
      <c r="H285" s="13"/>
      <c r="I285" s="13"/>
      <c r="J285" s="13"/>
      <c r="K285" s="13"/>
      <c r="L285" s="13"/>
      <c r="M285" s="13"/>
      <c r="N285" s="13"/>
      <c r="O285" s="13"/>
      <c r="P285" s="13"/>
      <c r="Q285" s="13"/>
      <c r="R285" s="13"/>
      <c r="S285" s="13"/>
      <c r="T285" s="13"/>
      <c r="U285" s="13"/>
      <c r="V285" s="13"/>
      <c r="W285" s="13"/>
      <c r="X285" s="13"/>
      <c r="Y285" s="13"/>
      <c r="Z285" s="13"/>
      <c r="AA285" s="13"/>
      <c r="AB285" s="13"/>
      <c r="AC285" s="13"/>
      <c r="AD285" s="13"/>
      <c r="AE285" s="13"/>
      <c r="AF285" s="13"/>
      <c r="AG285" s="13"/>
      <c r="AH285" s="13"/>
      <c r="AI285" s="13"/>
      <c r="AJ285" s="13"/>
      <c r="AK285" s="13"/>
      <c r="AL285" s="13"/>
      <c r="AM285" s="13"/>
      <c r="AN285" s="13"/>
      <c r="AO285" s="13"/>
      <c r="AP285" s="80"/>
    </row>
    <row r="286" spans="1:42" ht="18" customHeight="1" x14ac:dyDescent="0.4">
      <c r="A286" s="492"/>
      <c r="B286" s="80"/>
      <c r="C286" s="26" t="s">
        <v>739</v>
      </c>
      <c r="AP286" s="80"/>
    </row>
    <row r="287" spans="1:42" ht="18" customHeight="1" x14ac:dyDescent="0.4">
      <c r="A287" s="492"/>
      <c r="B287" s="80"/>
      <c r="C287" s="295" t="s">
        <v>740</v>
      </c>
      <c r="D287" s="295"/>
      <c r="E287" s="295"/>
      <c r="F287" s="295"/>
      <c r="G287" s="295"/>
      <c r="H287" s="295"/>
      <c r="I287" s="295"/>
      <c r="J287" s="295"/>
      <c r="K287" s="515" t="s">
        <v>1082</v>
      </c>
      <c r="L287" s="516"/>
      <c r="M287" s="516"/>
      <c r="N287" s="516"/>
      <c r="O287" s="516"/>
      <c r="P287" s="516"/>
      <c r="Q287" s="516"/>
      <c r="R287" s="516"/>
      <c r="S287" s="516"/>
      <c r="T287" s="516"/>
      <c r="U287" s="516"/>
      <c r="V287" s="516"/>
      <c r="W287" s="517"/>
      <c r="AP287" s="80"/>
    </row>
    <row r="288" spans="1:42" ht="18" customHeight="1" x14ac:dyDescent="0.4">
      <c r="A288" s="492"/>
      <c r="B288" s="80"/>
      <c r="C288" s="295"/>
      <c r="D288" s="295"/>
      <c r="E288" s="295"/>
      <c r="F288" s="295"/>
      <c r="G288" s="295"/>
      <c r="H288" s="295"/>
      <c r="I288" s="295"/>
      <c r="J288" s="295"/>
      <c r="K288" s="515" t="s">
        <v>741</v>
      </c>
      <c r="L288" s="516"/>
      <c r="M288" s="516"/>
      <c r="N288" s="516"/>
      <c r="O288" s="516"/>
      <c r="P288" s="516"/>
      <c r="Q288" s="516"/>
      <c r="R288" s="516"/>
      <c r="S288" s="516"/>
      <c r="T288" s="516"/>
      <c r="U288" s="516"/>
      <c r="V288" s="516"/>
      <c r="W288" s="517"/>
      <c r="AP288" s="80"/>
    </row>
    <row r="289" spans="1:42" ht="30" customHeight="1" x14ac:dyDescent="0.4">
      <c r="A289" s="492"/>
      <c r="B289" s="80"/>
      <c r="C289" s="338" t="s">
        <v>742</v>
      </c>
      <c r="D289" s="295"/>
      <c r="E289" s="295"/>
      <c r="F289" s="295"/>
      <c r="G289" s="295"/>
      <c r="H289" s="295"/>
      <c r="I289" s="295"/>
      <c r="J289" s="295"/>
      <c r="K289" s="515" t="s">
        <v>741</v>
      </c>
      <c r="L289" s="516"/>
      <c r="M289" s="516"/>
      <c r="N289" s="516"/>
      <c r="O289" s="516"/>
      <c r="P289" s="516"/>
      <c r="Q289" s="516"/>
      <c r="R289" s="516"/>
      <c r="S289" s="516"/>
      <c r="T289" s="516"/>
      <c r="U289" s="516"/>
      <c r="V289" s="516"/>
      <c r="W289" s="517"/>
      <c r="AP289" s="80"/>
    </row>
    <row r="290" spans="1:42" ht="18" customHeight="1" x14ac:dyDescent="0.4">
      <c r="A290" s="492"/>
      <c r="B290" s="18"/>
      <c r="C290" s="19"/>
      <c r="D290" s="19"/>
      <c r="E290" s="19"/>
      <c r="F290" s="19"/>
      <c r="G290" s="19"/>
      <c r="H290" s="19"/>
      <c r="I290" s="19"/>
      <c r="J290" s="19"/>
      <c r="K290" s="19"/>
      <c r="L290" s="19"/>
      <c r="M290" s="19"/>
      <c r="N290" s="19"/>
      <c r="O290" s="19"/>
      <c r="P290" s="19"/>
      <c r="Q290" s="19"/>
      <c r="R290" s="19"/>
      <c r="S290" s="19"/>
      <c r="T290" s="19"/>
      <c r="U290" s="19"/>
      <c r="V290" s="19"/>
      <c r="W290" s="19"/>
      <c r="X290" s="19"/>
      <c r="Y290" s="19"/>
      <c r="Z290" s="19"/>
      <c r="AA290" s="19"/>
      <c r="AB290" s="19"/>
      <c r="AC290" s="19"/>
      <c r="AD290" s="19"/>
      <c r="AE290" s="19"/>
      <c r="AF290" s="19"/>
      <c r="AG290" s="19"/>
      <c r="AH290" s="19"/>
      <c r="AI290" s="19"/>
      <c r="AJ290" s="19"/>
      <c r="AK290" s="19"/>
      <c r="AL290" s="19"/>
      <c r="AM290" s="19"/>
      <c r="AN290" s="19"/>
      <c r="AO290" s="19"/>
      <c r="AP290" s="80"/>
    </row>
    <row r="291" spans="1:42" ht="18" customHeight="1" x14ac:dyDescent="0.4">
      <c r="A291" s="473" t="s">
        <v>743</v>
      </c>
      <c r="B291" s="12"/>
      <c r="C291" s="13"/>
      <c r="D291" s="13"/>
      <c r="E291" s="13"/>
      <c r="F291" s="13"/>
      <c r="G291" s="13"/>
      <c r="H291" s="13"/>
      <c r="I291" s="13"/>
      <c r="J291" s="13"/>
      <c r="K291" s="13"/>
      <c r="L291" s="13"/>
      <c r="M291" s="13"/>
      <c r="N291" s="13"/>
      <c r="O291" s="13"/>
      <c r="P291" s="13"/>
      <c r="Q291" s="13"/>
      <c r="R291" s="13"/>
      <c r="S291" s="13"/>
      <c r="T291" s="13"/>
      <c r="U291" s="13"/>
      <c r="V291" s="13"/>
      <c r="W291" s="13"/>
      <c r="X291" s="13"/>
      <c r="Y291" s="13"/>
      <c r="Z291" s="13"/>
      <c r="AA291" s="13"/>
      <c r="AB291" s="13"/>
      <c r="AC291" s="13"/>
      <c r="AD291" s="13"/>
      <c r="AE291" s="13"/>
      <c r="AF291" s="13"/>
      <c r="AG291" s="13"/>
      <c r="AH291" s="13"/>
      <c r="AI291" s="13"/>
      <c r="AJ291" s="13"/>
      <c r="AK291" s="13"/>
      <c r="AL291" s="13"/>
      <c r="AM291" s="13"/>
      <c r="AN291" s="13"/>
      <c r="AO291" s="13"/>
      <c r="AP291" s="80"/>
    </row>
    <row r="292" spans="1:42" ht="18" customHeight="1" x14ac:dyDescent="0.4">
      <c r="A292" s="474"/>
      <c r="B292" s="80"/>
      <c r="C292" s="465" t="s">
        <v>744</v>
      </c>
      <c r="D292" s="469"/>
      <c r="E292" s="469"/>
      <c r="F292" s="469"/>
      <c r="G292" s="469"/>
      <c r="H292" s="469"/>
      <c r="I292" s="469"/>
      <c r="J292" s="469"/>
      <c r="K292" s="470"/>
      <c r="L292" s="547" t="s">
        <v>998</v>
      </c>
      <c r="M292" s="548"/>
      <c r="N292" s="548"/>
      <c r="O292" s="548"/>
      <c r="P292" s="548"/>
      <c r="Q292" s="548"/>
      <c r="R292" s="548"/>
      <c r="S292" s="548"/>
      <c r="T292" s="548"/>
      <c r="U292" s="548"/>
      <c r="V292" s="548"/>
      <c r="W292" s="549"/>
      <c r="AP292" s="80"/>
    </row>
    <row r="293" spans="1:42" ht="18" customHeight="1" x14ac:dyDescent="0.4">
      <c r="A293" s="477"/>
      <c r="B293" s="18"/>
      <c r="C293" s="19"/>
      <c r="D293" s="19"/>
      <c r="E293" s="19"/>
      <c r="F293" s="19"/>
      <c r="G293" s="19"/>
      <c r="H293" s="19"/>
      <c r="I293" s="19"/>
      <c r="J293" s="19"/>
      <c r="K293" s="19"/>
      <c r="L293" s="19"/>
      <c r="M293" s="19"/>
      <c r="N293" s="19"/>
      <c r="O293" s="19"/>
      <c r="P293" s="19"/>
      <c r="Q293" s="19"/>
      <c r="R293" s="19"/>
      <c r="S293" s="19"/>
      <c r="T293" s="19"/>
      <c r="U293" s="19"/>
      <c r="V293" s="19"/>
      <c r="W293" s="19"/>
      <c r="X293" s="19"/>
      <c r="Y293" s="19"/>
      <c r="Z293" s="19"/>
      <c r="AA293" s="19"/>
      <c r="AB293" s="19"/>
      <c r="AC293" s="19"/>
      <c r="AD293" s="19"/>
      <c r="AE293" s="19"/>
      <c r="AF293" s="19"/>
      <c r="AG293" s="19"/>
      <c r="AH293" s="19"/>
      <c r="AI293" s="19"/>
      <c r="AJ293" s="19"/>
      <c r="AK293" s="19"/>
      <c r="AL293" s="19"/>
      <c r="AM293" s="19"/>
      <c r="AN293" s="19"/>
      <c r="AO293" s="19"/>
      <c r="AP293" s="80"/>
    </row>
    <row r="294" spans="1:42" ht="18" customHeight="1" x14ac:dyDescent="0.4">
      <c r="A294" s="473" t="s">
        <v>745</v>
      </c>
      <c r="B294" s="12"/>
      <c r="C294" s="13"/>
      <c r="D294" s="13"/>
      <c r="E294" s="13"/>
      <c r="F294" s="13"/>
      <c r="G294" s="13"/>
      <c r="H294" s="13"/>
      <c r="I294" s="13"/>
      <c r="J294" s="13"/>
      <c r="K294" s="13"/>
      <c r="L294" s="13"/>
      <c r="M294" s="13"/>
      <c r="N294" s="13"/>
      <c r="O294" s="13"/>
      <c r="P294" s="13"/>
      <c r="Q294" s="13"/>
      <c r="R294" s="13"/>
      <c r="S294" s="13"/>
      <c r="T294" s="13"/>
      <c r="U294" s="13"/>
      <c r="V294" s="13"/>
      <c r="W294" s="13"/>
      <c r="X294" s="13"/>
      <c r="Y294" s="13"/>
      <c r="Z294" s="13"/>
      <c r="AA294" s="13"/>
      <c r="AB294" s="13"/>
      <c r="AC294" s="13"/>
      <c r="AD294" s="13"/>
      <c r="AE294" s="13"/>
      <c r="AF294" s="13"/>
      <c r="AG294" s="13"/>
      <c r="AH294" s="13"/>
      <c r="AI294" s="13"/>
      <c r="AJ294" s="13"/>
      <c r="AK294" s="13"/>
      <c r="AL294" s="13"/>
      <c r="AM294" s="13"/>
      <c r="AN294" s="13"/>
      <c r="AO294" s="13"/>
      <c r="AP294" s="80"/>
    </row>
    <row r="295" spans="1:42" ht="30" customHeight="1" x14ac:dyDescent="0.4">
      <c r="A295" s="474"/>
      <c r="B295" s="80"/>
      <c r="C295" s="543" t="s">
        <v>746</v>
      </c>
      <c r="D295" s="297"/>
      <c r="E295" s="297"/>
      <c r="F295" s="297"/>
      <c r="G295" s="297"/>
      <c r="H295" s="297"/>
      <c r="I295" s="297"/>
      <c r="J295" s="297"/>
      <c r="K295" s="465" t="s">
        <v>741</v>
      </c>
      <c r="L295" s="469"/>
      <c r="M295" s="469"/>
      <c r="N295" s="469"/>
      <c r="O295" s="469"/>
      <c r="P295" s="469"/>
      <c r="Q295" s="469"/>
      <c r="R295" s="469"/>
      <c r="S295" s="469"/>
      <c r="T295" s="469"/>
      <c r="U295" s="469"/>
      <c r="V295" s="469"/>
      <c r="W295" s="470"/>
      <c r="AP295" s="80"/>
    </row>
    <row r="296" spans="1:42" ht="18" customHeight="1" x14ac:dyDescent="0.4">
      <c r="A296" s="477"/>
      <c r="B296" s="18"/>
      <c r="C296" s="19"/>
      <c r="D296" s="19"/>
      <c r="E296" s="19"/>
      <c r="F296" s="19"/>
      <c r="G296" s="19"/>
      <c r="H296" s="19"/>
      <c r="I296" s="19"/>
      <c r="J296" s="19"/>
      <c r="K296" s="19"/>
      <c r="L296" s="19"/>
      <c r="M296" s="19"/>
      <c r="N296" s="19"/>
      <c r="O296" s="19"/>
      <c r="P296" s="19"/>
      <c r="Q296" s="19"/>
      <c r="R296" s="19"/>
      <c r="S296" s="19"/>
      <c r="T296" s="19"/>
      <c r="U296" s="19"/>
      <c r="V296" s="19"/>
      <c r="W296" s="19"/>
      <c r="X296" s="19"/>
      <c r="Y296" s="19"/>
      <c r="Z296" s="19"/>
      <c r="AA296" s="19"/>
      <c r="AB296" s="19"/>
      <c r="AC296" s="19"/>
      <c r="AD296" s="19"/>
      <c r="AE296" s="19"/>
      <c r="AF296" s="19"/>
      <c r="AG296" s="19"/>
      <c r="AH296" s="19"/>
      <c r="AI296" s="19"/>
      <c r="AJ296" s="19"/>
      <c r="AK296" s="19"/>
      <c r="AL296" s="19"/>
      <c r="AM296" s="19"/>
      <c r="AN296" s="19"/>
      <c r="AO296" s="19"/>
      <c r="AP296" s="80"/>
    </row>
    <row r="297" spans="1:42" ht="18" customHeight="1" x14ac:dyDescent="0.4">
      <c r="A297" s="473" t="s">
        <v>747</v>
      </c>
      <c r="B297" s="12"/>
      <c r="C297" s="13"/>
      <c r="D297" s="13"/>
      <c r="E297" s="13"/>
      <c r="F297" s="13"/>
      <c r="G297" s="13"/>
      <c r="H297" s="13"/>
      <c r="I297" s="13"/>
      <c r="J297" s="13"/>
      <c r="K297" s="13"/>
      <c r="L297" s="13"/>
      <c r="M297" s="13"/>
      <c r="N297" s="13"/>
      <c r="O297" s="13"/>
      <c r="P297" s="13"/>
      <c r="Q297" s="13"/>
      <c r="R297" s="13"/>
      <c r="S297" s="13"/>
      <c r="T297" s="13"/>
      <c r="U297" s="13"/>
      <c r="V297" s="13"/>
      <c r="W297" s="13"/>
      <c r="X297" s="13"/>
      <c r="Y297" s="13"/>
      <c r="Z297" s="13"/>
      <c r="AA297" s="13"/>
      <c r="AB297" s="13"/>
      <c r="AC297" s="13"/>
      <c r="AD297" s="13"/>
      <c r="AE297" s="13"/>
      <c r="AF297" s="13"/>
      <c r="AG297" s="13"/>
      <c r="AH297" s="13"/>
      <c r="AI297" s="13"/>
      <c r="AJ297" s="13"/>
      <c r="AK297" s="13"/>
      <c r="AL297" s="13"/>
      <c r="AM297" s="13"/>
      <c r="AN297" s="13"/>
      <c r="AO297" s="13"/>
      <c r="AP297" s="80"/>
    </row>
    <row r="298" spans="1:42" ht="24" customHeight="1" x14ac:dyDescent="0.4">
      <c r="A298" s="474"/>
      <c r="B298" s="80"/>
      <c r="C298" s="465" t="s">
        <v>748</v>
      </c>
      <c r="D298" s="469"/>
      <c r="E298" s="469"/>
      <c r="F298" s="470"/>
      <c r="G298" s="537"/>
      <c r="H298" s="538"/>
      <c r="I298" s="538"/>
      <c r="J298" s="538"/>
      <c r="K298" s="538"/>
      <c r="L298" s="538"/>
      <c r="M298" s="538"/>
      <c r="N298" s="538"/>
      <c r="O298" s="538"/>
      <c r="P298" s="538"/>
      <c r="Q298" s="538"/>
      <c r="R298" s="538"/>
      <c r="S298" s="538"/>
      <c r="T298" s="538"/>
      <c r="U298" s="538"/>
      <c r="V298" s="538"/>
      <c r="W298" s="538"/>
      <c r="X298" s="538"/>
      <c r="Y298" s="539"/>
      <c r="AP298" s="80"/>
    </row>
    <row r="299" spans="1:42" ht="24" customHeight="1" x14ac:dyDescent="0.4">
      <c r="A299" s="474"/>
      <c r="B299" s="80"/>
      <c r="C299" s="465" t="s">
        <v>749</v>
      </c>
      <c r="D299" s="469"/>
      <c r="E299" s="469"/>
      <c r="F299" s="470"/>
      <c r="G299" s="537"/>
      <c r="H299" s="538"/>
      <c r="I299" s="538"/>
      <c r="J299" s="538"/>
      <c r="K299" s="538"/>
      <c r="L299" s="538"/>
      <c r="M299" s="538"/>
      <c r="N299" s="538"/>
      <c r="O299" s="538"/>
      <c r="P299" s="538"/>
      <c r="Q299" s="538"/>
      <c r="R299" s="538"/>
      <c r="S299" s="538"/>
      <c r="T299" s="538"/>
      <c r="U299" s="538"/>
      <c r="V299" s="538"/>
      <c r="W299" s="538"/>
      <c r="X299" s="538"/>
      <c r="Y299" s="539"/>
      <c r="AP299" s="80"/>
    </row>
    <row r="300" spans="1:42" ht="18" customHeight="1" x14ac:dyDescent="0.4">
      <c r="A300" s="477"/>
      <c r="B300" s="18"/>
      <c r="C300" s="19"/>
      <c r="D300" s="19"/>
      <c r="E300" s="19"/>
      <c r="F300" s="19"/>
      <c r="G300" s="19"/>
      <c r="H300" s="19"/>
      <c r="I300" s="19"/>
      <c r="J300" s="19"/>
      <c r="K300" s="19"/>
      <c r="L300" s="19"/>
      <c r="M300" s="19"/>
      <c r="N300" s="19"/>
      <c r="O300" s="19"/>
      <c r="P300" s="19"/>
      <c r="Q300" s="19"/>
      <c r="R300" s="19"/>
      <c r="S300" s="19"/>
      <c r="T300" s="19"/>
      <c r="U300" s="19"/>
      <c r="V300" s="19"/>
      <c r="W300" s="19"/>
      <c r="X300" s="19"/>
      <c r="Y300" s="19"/>
      <c r="Z300" s="19"/>
      <c r="AA300" s="19"/>
      <c r="AB300" s="19"/>
      <c r="AC300" s="19"/>
      <c r="AD300" s="19"/>
      <c r="AE300" s="19"/>
      <c r="AF300" s="19"/>
      <c r="AG300" s="19"/>
      <c r="AH300" s="19"/>
      <c r="AI300" s="19"/>
      <c r="AJ300" s="19"/>
      <c r="AK300" s="19"/>
      <c r="AL300" s="19"/>
      <c r="AM300" s="19"/>
      <c r="AN300" s="19"/>
      <c r="AO300" s="19"/>
      <c r="AP300" s="80"/>
    </row>
    <row r="301" spans="1:42" ht="18" customHeight="1" x14ac:dyDescent="0.4">
      <c r="A301" s="473" t="s">
        <v>750</v>
      </c>
      <c r="B301" s="12"/>
      <c r="C301" s="13"/>
      <c r="D301" s="13"/>
      <c r="E301" s="13"/>
      <c r="F301" s="13"/>
      <c r="G301" s="13"/>
      <c r="H301" s="13"/>
      <c r="I301" s="13"/>
      <c r="J301" s="13"/>
      <c r="K301" s="13"/>
      <c r="L301" s="13"/>
      <c r="M301" s="13"/>
      <c r="N301" s="13"/>
      <c r="O301" s="13"/>
      <c r="P301" s="13"/>
      <c r="Q301" s="13"/>
      <c r="R301" s="13"/>
      <c r="S301" s="13"/>
      <c r="T301" s="13"/>
      <c r="U301" s="13"/>
      <c r="V301" s="13"/>
      <c r="W301" s="13"/>
      <c r="X301" s="13"/>
      <c r="Y301" s="13"/>
      <c r="Z301" s="13"/>
      <c r="AA301" s="13"/>
      <c r="AB301" s="13"/>
      <c r="AC301" s="13"/>
      <c r="AD301" s="731" t="s">
        <v>996</v>
      </c>
      <c r="AE301" s="732"/>
      <c r="AF301" s="732"/>
      <c r="AG301" s="732"/>
      <c r="AH301" s="732"/>
      <c r="AI301" s="732"/>
      <c r="AJ301" s="732"/>
      <c r="AK301" s="732"/>
      <c r="AL301" s="732"/>
      <c r="AM301" s="732"/>
      <c r="AN301" s="732"/>
      <c r="AO301" s="733"/>
      <c r="AP301" s="80"/>
    </row>
    <row r="302" spans="1:42" ht="18" customHeight="1" x14ac:dyDescent="0.4">
      <c r="A302" s="474"/>
      <c r="B302" s="80"/>
      <c r="C302" s="540" t="s">
        <v>751</v>
      </c>
      <c r="D302" s="541"/>
      <c r="E302" s="541"/>
      <c r="F302" s="541"/>
      <c r="G302" s="541"/>
      <c r="H302" s="541"/>
      <c r="I302" s="542"/>
      <c r="J302" s="540" t="s">
        <v>752</v>
      </c>
      <c r="K302" s="541"/>
      <c r="L302" s="541"/>
      <c r="M302" s="541"/>
      <c r="N302" s="541"/>
      <c r="O302" s="541"/>
      <c r="P302" s="541"/>
      <c r="Q302" s="541"/>
      <c r="R302" s="541"/>
      <c r="S302" s="541"/>
      <c r="T302" s="541"/>
      <c r="U302" s="541"/>
      <c r="V302" s="541"/>
      <c r="W302" s="541"/>
      <c r="X302" s="542"/>
      <c r="AD302" s="734"/>
      <c r="AE302" s="734"/>
      <c r="AF302" s="734"/>
      <c r="AG302" s="734"/>
      <c r="AH302" s="734"/>
      <c r="AI302" s="734"/>
      <c r="AJ302" s="734"/>
      <c r="AK302" s="734"/>
      <c r="AL302" s="734"/>
      <c r="AM302" s="734"/>
      <c r="AN302" s="734"/>
      <c r="AO302" s="735"/>
      <c r="AP302" s="80"/>
    </row>
    <row r="303" spans="1:42" ht="18" customHeight="1" x14ac:dyDescent="0.4">
      <c r="A303" s="474"/>
      <c r="B303" s="80"/>
      <c r="C303" s="540" t="s">
        <v>753</v>
      </c>
      <c r="D303" s="541"/>
      <c r="E303" s="541"/>
      <c r="F303" s="541"/>
      <c r="G303" s="541"/>
      <c r="H303" s="541"/>
      <c r="I303" s="542"/>
      <c r="J303" s="540" t="s">
        <v>752</v>
      </c>
      <c r="K303" s="541"/>
      <c r="L303" s="541"/>
      <c r="M303" s="541"/>
      <c r="N303" s="541"/>
      <c r="O303" s="541"/>
      <c r="P303" s="541"/>
      <c r="Q303" s="541"/>
      <c r="R303" s="541"/>
      <c r="S303" s="541"/>
      <c r="T303" s="541"/>
      <c r="U303" s="541"/>
      <c r="V303" s="541"/>
      <c r="W303" s="541"/>
      <c r="X303" s="542"/>
      <c r="AD303" s="734"/>
      <c r="AE303" s="734"/>
      <c r="AF303" s="734"/>
      <c r="AG303" s="734"/>
      <c r="AH303" s="734"/>
      <c r="AI303" s="734"/>
      <c r="AJ303" s="734"/>
      <c r="AK303" s="734"/>
      <c r="AL303" s="734"/>
      <c r="AM303" s="734"/>
      <c r="AN303" s="734"/>
      <c r="AO303" s="735"/>
      <c r="AP303" s="80"/>
    </row>
    <row r="304" spans="1:42" ht="18" customHeight="1" x14ac:dyDescent="0.4">
      <c r="A304" s="474"/>
      <c r="B304" s="80"/>
      <c r="C304" s="540" t="s">
        <v>754</v>
      </c>
      <c r="D304" s="541"/>
      <c r="E304" s="541"/>
      <c r="F304" s="541"/>
      <c r="G304" s="541"/>
      <c r="H304" s="541"/>
      <c r="I304" s="542"/>
      <c r="J304" s="540" t="s">
        <v>752</v>
      </c>
      <c r="K304" s="541"/>
      <c r="L304" s="541"/>
      <c r="M304" s="541"/>
      <c r="N304" s="541"/>
      <c r="O304" s="541"/>
      <c r="P304" s="541"/>
      <c r="Q304" s="541"/>
      <c r="R304" s="541"/>
      <c r="S304" s="541"/>
      <c r="T304" s="541"/>
      <c r="U304" s="541"/>
      <c r="V304" s="541"/>
      <c r="W304" s="541"/>
      <c r="X304" s="542"/>
      <c r="AD304" s="734"/>
      <c r="AE304" s="734"/>
      <c r="AF304" s="734"/>
      <c r="AG304" s="734"/>
      <c r="AH304" s="734"/>
      <c r="AI304" s="734"/>
      <c r="AJ304" s="734"/>
      <c r="AK304" s="734"/>
      <c r="AL304" s="734"/>
      <c r="AM304" s="734"/>
      <c r="AN304" s="734"/>
      <c r="AO304" s="735"/>
      <c r="AP304" s="80"/>
    </row>
    <row r="305" spans="1:42" ht="18" customHeight="1" x14ac:dyDescent="0.4">
      <c r="A305" s="474"/>
      <c r="B305" s="80"/>
      <c r="C305" s="540" t="s">
        <v>755</v>
      </c>
      <c r="D305" s="541"/>
      <c r="E305" s="541"/>
      <c r="F305" s="541"/>
      <c r="G305" s="541"/>
      <c r="H305" s="541"/>
      <c r="I305" s="542"/>
      <c r="J305" s="540" t="s">
        <v>756</v>
      </c>
      <c r="K305" s="541"/>
      <c r="L305" s="541"/>
      <c r="M305" s="541"/>
      <c r="N305" s="541"/>
      <c r="O305" s="541"/>
      <c r="P305" s="541"/>
      <c r="Q305" s="541"/>
      <c r="R305" s="541"/>
      <c r="S305" s="541"/>
      <c r="T305" s="541"/>
      <c r="U305" s="541"/>
      <c r="V305" s="541"/>
      <c r="W305" s="541"/>
      <c r="X305" s="542"/>
      <c r="AD305" s="734"/>
      <c r="AE305" s="734"/>
      <c r="AF305" s="734"/>
      <c r="AG305" s="734"/>
      <c r="AH305" s="734"/>
      <c r="AI305" s="734"/>
      <c r="AJ305" s="734"/>
      <c r="AK305" s="734"/>
      <c r="AL305" s="734"/>
      <c r="AM305" s="734"/>
      <c r="AN305" s="734"/>
      <c r="AO305" s="735"/>
      <c r="AP305" s="80"/>
    </row>
    <row r="306" spans="1:42" ht="18" customHeight="1" x14ac:dyDescent="0.4">
      <c r="A306" s="474"/>
      <c r="B306" s="80"/>
      <c r="C306" s="540" t="s">
        <v>757</v>
      </c>
      <c r="D306" s="541"/>
      <c r="E306" s="541"/>
      <c r="F306" s="541"/>
      <c r="G306" s="541"/>
      <c r="H306" s="541"/>
      <c r="I306" s="542"/>
      <c r="J306" s="540" t="s">
        <v>756</v>
      </c>
      <c r="K306" s="541"/>
      <c r="L306" s="541"/>
      <c r="M306" s="541"/>
      <c r="N306" s="541"/>
      <c r="O306" s="541"/>
      <c r="P306" s="541"/>
      <c r="Q306" s="541"/>
      <c r="R306" s="541"/>
      <c r="S306" s="541"/>
      <c r="T306" s="541"/>
      <c r="U306" s="541"/>
      <c r="V306" s="541"/>
      <c r="W306" s="541"/>
      <c r="X306" s="542"/>
      <c r="AD306" s="734"/>
      <c r="AE306" s="734"/>
      <c r="AF306" s="734"/>
      <c r="AG306" s="734"/>
      <c r="AH306" s="734"/>
      <c r="AI306" s="734"/>
      <c r="AJ306" s="734"/>
      <c r="AK306" s="734"/>
      <c r="AL306" s="734"/>
      <c r="AM306" s="734"/>
      <c r="AN306" s="734"/>
      <c r="AO306" s="735"/>
      <c r="AP306" s="80"/>
    </row>
    <row r="307" spans="1:42" ht="18" customHeight="1" x14ac:dyDescent="0.4">
      <c r="A307" s="477"/>
      <c r="B307" s="18"/>
      <c r="C307" s="19"/>
      <c r="D307" s="19"/>
      <c r="E307" s="19"/>
      <c r="F307" s="19"/>
      <c r="G307" s="19"/>
      <c r="H307" s="19"/>
      <c r="I307" s="19"/>
      <c r="J307" s="19"/>
      <c r="K307" s="19"/>
      <c r="L307" s="19"/>
      <c r="M307" s="19"/>
      <c r="N307" s="19"/>
      <c r="O307" s="19"/>
      <c r="P307" s="19"/>
      <c r="Q307" s="19"/>
      <c r="R307" s="19"/>
      <c r="S307" s="19"/>
      <c r="T307" s="19"/>
      <c r="U307" s="19"/>
      <c r="V307" s="19"/>
      <c r="W307" s="19"/>
      <c r="X307" s="19"/>
      <c r="Y307" s="19"/>
      <c r="Z307" s="19"/>
      <c r="AA307" s="19"/>
      <c r="AB307" s="19"/>
      <c r="AC307" s="19"/>
      <c r="AD307" s="736"/>
      <c r="AE307" s="736"/>
      <c r="AF307" s="736"/>
      <c r="AG307" s="736"/>
      <c r="AH307" s="736"/>
      <c r="AI307" s="736"/>
      <c r="AJ307" s="736"/>
      <c r="AK307" s="736"/>
      <c r="AL307" s="736"/>
      <c r="AM307" s="736"/>
      <c r="AN307" s="736"/>
      <c r="AO307" s="737"/>
      <c r="AP307" s="80"/>
    </row>
    <row r="308" spans="1:42" ht="18" customHeight="1" x14ac:dyDescent="0.4">
      <c r="A308" s="492" t="s">
        <v>758</v>
      </c>
      <c r="B308" s="12"/>
      <c r="C308" s="13"/>
      <c r="D308" s="13"/>
      <c r="E308" s="13"/>
      <c r="F308" s="13"/>
      <c r="G308" s="13"/>
      <c r="H308" s="13"/>
      <c r="I308" s="13"/>
      <c r="J308" s="13"/>
      <c r="K308" s="13"/>
      <c r="L308" s="13"/>
      <c r="M308" s="13"/>
      <c r="N308" s="13"/>
      <c r="O308" s="13"/>
      <c r="P308" s="13"/>
      <c r="Q308" s="13"/>
      <c r="R308" s="13"/>
      <c r="S308" s="13"/>
      <c r="T308" s="13"/>
      <c r="U308" s="13"/>
      <c r="V308" s="13"/>
      <c r="W308" s="13"/>
      <c r="X308" s="13"/>
      <c r="Y308" s="13"/>
      <c r="Z308" s="13"/>
      <c r="AA308" s="13"/>
      <c r="AB308" s="13"/>
      <c r="AC308" s="13"/>
      <c r="AD308" s="13"/>
      <c r="AE308" s="13"/>
      <c r="AF308" s="13"/>
      <c r="AG308" s="13"/>
      <c r="AH308" s="13"/>
      <c r="AI308" s="13"/>
      <c r="AJ308" s="13"/>
      <c r="AK308" s="13"/>
      <c r="AL308" s="13"/>
      <c r="AM308" s="13"/>
      <c r="AN308" s="13"/>
      <c r="AO308" s="13"/>
      <c r="AP308" s="80"/>
    </row>
    <row r="309" spans="1:42" ht="18" customHeight="1" x14ac:dyDescent="0.4">
      <c r="A309" s="492"/>
      <c r="B309" s="80"/>
      <c r="C309" s="295"/>
      <c r="D309" s="295"/>
      <c r="E309" s="295"/>
      <c r="F309" s="295" t="s">
        <v>759</v>
      </c>
      <c r="G309" s="295"/>
      <c r="H309" s="295"/>
      <c r="I309" s="295"/>
      <c r="J309" s="295"/>
      <c r="K309" s="295"/>
      <c r="L309" s="295"/>
      <c r="M309" s="295"/>
      <c r="N309" s="295"/>
      <c r="O309" s="295"/>
      <c r="P309" s="295"/>
      <c r="Q309" s="295"/>
      <c r="R309" s="295"/>
      <c r="S309" s="295"/>
      <c r="T309" s="295"/>
      <c r="U309" s="295" t="s">
        <v>760</v>
      </c>
      <c r="V309" s="295"/>
      <c r="W309" s="295"/>
      <c r="X309" s="295"/>
      <c r="Y309" s="295"/>
      <c r="AP309" s="80"/>
    </row>
    <row r="310" spans="1:42" ht="18" customHeight="1" x14ac:dyDescent="0.4">
      <c r="A310" s="492"/>
      <c r="B310" s="80"/>
      <c r="C310" s="295" t="s">
        <v>761</v>
      </c>
      <c r="D310" s="295"/>
      <c r="E310" s="295"/>
      <c r="F310" s="502"/>
      <c r="G310" s="502"/>
      <c r="H310" s="502"/>
      <c r="I310" s="502"/>
      <c r="J310" s="502"/>
      <c r="K310" s="502"/>
      <c r="L310" s="502"/>
      <c r="M310" s="502"/>
      <c r="N310" s="502"/>
      <c r="O310" s="502"/>
      <c r="P310" s="502"/>
      <c r="Q310" s="502"/>
      <c r="R310" s="502"/>
      <c r="S310" s="502"/>
      <c r="T310" s="502"/>
      <c r="U310" s="502"/>
      <c r="V310" s="502"/>
      <c r="W310" s="502"/>
      <c r="X310" s="502"/>
      <c r="Y310" s="502"/>
      <c r="AP310" s="80"/>
    </row>
    <row r="311" spans="1:42" ht="18" customHeight="1" x14ac:dyDescent="0.4">
      <c r="A311" s="492"/>
      <c r="B311" s="80"/>
      <c r="C311" s="295" t="s">
        <v>762</v>
      </c>
      <c r="D311" s="295"/>
      <c r="E311" s="295"/>
      <c r="F311" s="295" t="s">
        <v>763</v>
      </c>
      <c r="G311" s="295"/>
      <c r="H311" s="295"/>
      <c r="I311" s="295"/>
      <c r="J311" s="295"/>
      <c r="K311" s="295"/>
      <c r="L311" s="295"/>
      <c r="M311" s="295"/>
      <c r="N311" s="295"/>
      <c r="O311" s="295"/>
      <c r="P311" s="295"/>
      <c r="Q311" s="295"/>
      <c r="R311" s="295"/>
      <c r="S311" s="295"/>
      <c r="T311" s="295"/>
      <c r="U311" s="502"/>
      <c r="V311" s="502"/>
      <c r="W311" s="502"/>
      <c r="X311" s="502"/>
      <c r="Y311" s="502"/>
      <c r="AP311" s="80"/>
    </row>
    <row r="312" spans="1:42" ht="18" customHeight="1" x14ac:dyDescent="0.4">
      <c r="A312" s="492"/>
      <c r="B312" s="80"/>
      <c r="C312" s="295" t="s">
        <v>681</v>
      </c>
      <c r="D312" s="295"/>
      <c r="E312" s="295"/>
      <c r="F312" s="502"/>
      <c r="G312" s="502"/>
      <c r="H312" s="502"/>
      <c r="I312" s="502"/>
      <c r="J312" s="502"/>
      <c r="K312" s="502"/>
      <c r="L312" s="502"/>
      <c r="M312" s="502"/>
      <c r="N312" s="502"/>
      <c r="O312" s="502"/>
      <c r="P312" s="502"/>
      <c r="Q312" s="502"/>
      <c r="R312" s="502"/>
      <c r="S312" s="502"/>
      <c r="T312" s="502"/>
      <c r="U312" s="502"/>
      <c r="V312" s="502"/>
      <c r="W312" s="502"/>
      <c r="X312" s="502"/>
      <c r="Y312" s="502"/>
      <c r="AP312" s="80"/>
    </row>
    <row r="313" spans="1:42" ht="18" customHeight="1" x14ac:dyDescent="0.4">
      <c r="A313" s="492"/>
      <c r="B313" s="18"/>
      <c r="C313" s="19"/>
      <c r="D313" s="19"/>
      <c r="E313" s="19"/>
      <c r="F313" s="19"/>
      <c r="G313" s="19"/>
      <c r="H313" s="19"/>
      <c r="I313" s="19"/>
      <c r="J313" s="19"/>
      <c r="K313" s="19"/>
      <c r="L313" s="19"/>
      <c r="M313" s="19"/>
      <c r="N313" s="19"/>
      <c r="O313" s="19"/>
      <c r="P313" s="19"/>
      <c r="Q313" s="19"/>
      <c r="R313" s="19"/>
      <c r="S313" s="19"/>
      <c r="T313" s="19"/>
      <c r="U313" s="19"/>
      <c r="V313" s="19"/>
      <c r="W313" s="19"/>
      <c r="X313" s="19"/>
      <c r="Y313" s="19"/>
      <c r="Z313" s="19"/>
      <c r="AA313" s="19"/>
      <c r="AB313" s="19"/>
      <c r="AC313" s="19"/>
      <c r="AD313" s="19"/>
      <c r="AE313" s="19"/>
      <c r="AF313" s="19"/>
      <c r="AG313" s="19"/>
      <c r="AH313" s="19"/>
      <c r="AI313" s="19"/>
      <c r="AJ313" s="19"/>
      <c r="AK313" s="19"/>
      <c r="AL313" s="19"/>
      <c r="AM313" s="19"/>
      <c r="AN313" s="19"/>
      <c r="AO313" s="19"/>
      <c r="AP313" s="80"/>
    </row>
    <row r="314" spans="1:42" ht="18" customHeight="1" x14ac:dyDescent="0.4">
      <c r="A314" s="492" t="s">
        <v>764</v>
      </c>
      <c r="B314" s="12"/>
      <c r="C314" s="13"/>
      <c r="D314" s="13"/>
      <c r="E314" s="13"/>
      <c r="F314" s="13"/>
      <c r="G314" s="13"/>
      <c r="H314" s="13"/>
      <c r="I314" s="13"/>
      <c r="J314" s="13"/>
      <c r="K314" s="13"/>
      <c r="L314" s="13"/>
      <c r="M314" s="13"/>
      <c r="N314" s="13"/>
      <c r="O314" s="13"/>
      <c r="P314" s="13"/>
      <c r="Q314" s="13"/>
      <c r="R314" s="13"/>
      <c r="S314" s="13"/>
      <c r="T314" s="13"/>
      <c r="U314" s="13"/>
      <c r="V314" s="13"/>
      <c r="W314" s="13"/>
      <c r="X314" s="13"/>
      <c r="Y314" s="13"/>
      <c r="Z314" s="13"/>
      <c r="AA314" s="13"/>
      <c r="AB314" s="13"/>
      <c r="AC314" s="13"/>
      <c r="AD314" s="13"/>
      <c r="AE314" s="13"/>
      <c r="AF314" s="13"/>
      <c r="AG314" s="13"/>
      <c r="AH314" s="13"/>
      <c r="AI314" s="13"/>
      <c r="AJ314" s="13"/>
      <c r="AK314" s="13"/>
      <c r="AL314" s="13"/>
      <c r="AM314" s="13"/>
      <c r="AN314" s="13"/>
      <c r="AO314" s="13"/>
      <c r="AP314" s="80"/>
    </row>
    <row r="315" spans="1:42" ht="18" customHeight="1" x14ac:dyDescent="0.4">
      <c r="A315" s="492"/>
      <c r="B315" s="80"/>
      <c r="C315" s="382" t="s">
        <v>765</v>
      </c>
      <c r="D315" s="295" t="s">
        <v>766</v>
      </c>
      <c r="E315" s="295"/>
      <c r="F315" s="295"/>
      <c r="G315" s="295"/>
      <c r="H315" s="295"/>
      <c r="I315" s="295"/>
      <c r="J315" s="295"/>
      <c r="K315" s="295"/>
      <c r="L315" s="295"/>
      <c r="M315" s="295" t="s">
        <v>767</v>
      </c>
      <c r="N315" s="295"/>
      <c r="O315" s="295"/>
      <c r="P315" s="295"/>
      <c r="Q315" s="295"/>
      <c r="R315" s="295"/>
      <c r="S315" s="295"/>
      <c r="T315" s="295"/>
      <c r="U315" s="295"/>
      <c r="AP315" s="80"/>
    </row>
    <row r="316" spans="1:42" ht="30" customHeight="1" x14ac:dyDescent="0.4">
      <c r="A316" s="492"/>
      <c r="B316" s="80"/>
      <c r="C316" s="382"/>
      <c r="D316" s="295" t="s">
        <v>768</v>
      </c>
      <c r="E316" s="295"/>
      <c r="F316" s="295"/>
      <c r="G316" s="295"/>
      <c r="H316" s="295"/>
      <c r="I316" s="295" t="s">
        <v>769</v>
      </c>
      <c r="J316" s="295"/>
      <c r="K316" s="295"/>
      <c r="L316" s="295"/>
      <c r="M316" s="295" t="s">
        <v>770</v>
      </c>
      <c r="N316" s="295"/>
      <c r="O316" s="295"/>
      <c r="P316" s="295"/>
      <c r="Q316" s="295"/>
      <c r="R316" s="295"/>
      <c r="S316" s="295"/>
      <c r="T316" s="295"/>
      <c r="U316" s="295"/>
      <c r="AP316" s="80"/>
    </row>
    <row r="317" spans="1:42" ht="30" customHeight="1" x14ac:dyDescent="0.4">
      <c r="A317" s="492"/>
      <c r="B317" s="80"/>
      <c r="C317" s="382"/>
      <c r="D317" s="295"/>
      <c r="E317" s="295"/>
      <c r="F317" s="295"/>
      <c r="G317" s="295"/>
      <c r="H317" s="295"/>
      <c r="I317" s="338" t="s">
        <v>771</v>
      </c>
      <c r="J317" s="338"/>
      <c r="K317" s="338"/>
      <c r="L317" s="338"/>
      <c r="M317" s="295" t="s">
        <v>770</v>
      </c>
      <c r="N317" s="295"/>
      <c r="O317" s="295"/>
      <c r="P317" s="295"/>
      <c r="Q317" s="295"/>
      <c r="R317" s="295"/>
      <c r="S317" s="295"/>
      <c r="T317" s="295"/>
      <c r="U317" s="295"/>
      <c r="AP317" s="80"/>
    </row>
    <row r="318" spans="1:42" ht="30" customHeight="1" x14ac:dyDescent="0.4">
      <c r="A318" s="492"/>
      <c r="B318" s="80"/>
      <c r="C318" s="382"/>
      <c r="D318" s="297" t="s">
        <v>1154</v>
      </c>
      <c r="E318" s="297"/>
      <c r="F318" s="297"/>
      <c r="G318" s="297"/>
      <c r="H318" s="297"/>
      <c r="I318" s="295" t="s">
        <v>1153</v>
      </c>
      <c r="J318" s="295"/>
      <c r="K318" s="295"/>
      <c r="L318" s="295"/>
      <c r="M318" s="295" t="s">
        <v>770</v>
      </c>
      <c r="N318" s="295"/>
      <c r="O318" s="295"/>
      <c r="P318" s="295"/>
      <c r="Q318" s="295"/>
      <c r="R318" s="295"/>
      <c r="S318" s="295"/>
      <c r="T318" s="295"/>
      <c r="U318" s="295"/>
      <c r="AP318" s="80"/>
    </row>
    <row r="319" spans="1:42" ht="30" customHeight="1" x14ac:dyDescent="0.4">
      <c r="A319" s="492"/>
      <c r="B319" s="80"/>
      <c r="C319" s="382"/>
      <c r="D319" s="297"/>
      <c r="E319" s="297"/>
      <c r="F319" s="297"/>
      <c r="G319" s="297"/>
      <c r="H319" s="297"/>
      <c r="I319" s="338" t="s">
        <v>771</v>
      </c>
      <c r="J319" s="338"/>
      <c r="K319" s="338"/>
      <c r="L319" s="338"/>
      <c r="M319" s="295" t="s">
        <v>770</v>
      </c>
      <c r="N319" s="295"/>
      <c r="O319" s="295"/>
      <c r="P319" s="295"/>
      <c r="Q319" s="295"/>
      <c r="R319" s="295"/>
      <c r="S319" s="295"/>
      <c r="T319" s="295"/>
      <c r="U319" s="295"/>
      <c r="AP319" s="80"/>
    </row>
    <row r="320" spans="1:42" ht="18" customHeight="1" x14ac:dyDescent="0.4">
      <c r="A320" s="492"/>
      <c r="B320" s="80"/>
      <c r="AP320" s="80"/>
    </row>
    <row r="321" spans="1:42" ht="18" customHeight="1" x14ac:dyDescent="0.4">
      <c r="A321" s="492"/>
      <c r="B321" s="80"/>
      <c r="C321" s="382" t="s">
        <v>772</v>
      </c>
      <c r="D321" s="295" t="s">
        <v>766</v>
      </c>
      <c r="E321" s="295"/>
      <c r="F321" s="295"/>
      <c r="G321" s="295"/>
      <c r="H321" s="295"/>
      <c r="I321" s="295"/>
      <c r="J321" s="295"/>
      <c r="K321" s="295"/>
      <c r="L321" s="295"/>
      <c r="M321" s="295" t="s">
        <v>767</v>
      </c>
      <c r="N321" s="295"/>
      <c r="O321" s="295"/>
      <c r="P321" s="295"/>
      <c r="Q321" s="295"/>
      <c r="R321" s="295"/>
      <c r="S321" s="295"/>
      <c r="T321" s="295"/>
      <c r="U321" s="295"/>
      <c r="AP321" s="80"/>
    </row>
    <row r="322" spans="1:42" ht="30" customHeight="1" x14ac:dyDescent="0.4">
      <c r="A322" s="492"/>
      <c r="B322" s="80"/>
      <c r="C322" s="382"/>
      <c r="D322" s="295" t="s">
        <v>768</v>
      </c>
      <c r="E322" s="295"/>
      <c r="F322" s="295"/>
      <c r="G322" s="295"/>
      <c r="H322" s="295"/>
      <c r="I322" s="295" t="s">
        <v>769</v>
      </c>
      <c r="J322" s="295"/>
      <c r="K322" s="295"/>
      <c r="L322" s="295"/>
      <c r="M322" s="295" t="s">
        <v>770</v>
      </c>
      <c r="N322" s="295"/>
      <c r="O322" s="295"/>
      <c r="P322" s="295"/>
      <c r="Q322" s="295"/>
      <c r="R322" s="295"/>
      <c r="S322" s="295"/>
      <c r="T322" s="295"/>
      <c r="U322" s="295"/>
      <c r="AP322" s="80"/>
    </row>
    <row r="323" spans="1:42" ht="30" customHeight="1" x14ac:dyDescent="0.4">
      <c r="A323" s="492"/>
      <c r="B323" s="80"/>
      <c r="C323" s="382"/>
      <c r="D323" s="295"/>
      <c r="E323" s="295"/>
      <c r="F323" s="295"/>
      <c r="G323" s="295"/>
      <c r="H323" s="295"/>
      <c r="I323" s="338" t="s">
        <v>771</v>
      </c>
      <c r="J323" s="338"/>
      <c r="K323" s="338"/>
      <c r="L323" s="338"/>
      <c r="M323" s="295" t="s">
        <v>770</v>
      </c>
      <c r="N323" s="295"/>
      <c r="O323" s="295"/>
      <c r="P323" s="295"/>
      <c r="Q323" s="295"/>
      <c r="R323" s="295"/>
      <c r="S323" s="295"/>
      <c r="T323" s="295"/>
      <c r="U323" s="295"/>
      <c r="AP323" s="80"/>
    </row>
    <row r="324" spans="1:42" ht="30" customHeight="1" x14ac:dyDescent="0.4">
      <c r="A324" s="492"/>
      <c r="B324" s="80"/>
      <c r="C324" s="382"/>
      <c r="D324" s="297" t="s">
        <v>1154</v>
      </c>
      <c r="E324" s="297"/>
      <c r="F324" s="297"/>
      <c r="G324" s="297"/>
      <c r="H324" s="297"/>
      <c r="I324" s="295" t="s">
        <v>1153</v>
      </c>
      <c r="J324" s="295"/>
      <c r="K324" s="295"/>
      <c r="L324" s="295"/>
      <c r="M324" s="295" t="s">
        <v>770</v>
      </c>
      <c r="N324" s="295"/>
      <c r="O324" s="295"/>
      <c r="P324" s="295"/>
      <c r="Q324" s="295"/>
      <c r="R324" s="295"/>
      <c r="S324" s="295"/>
      <c r="T324" s="295"/>
      <c r="U324" s="295"/>
      <c r="AP324" s="80"/>
    </row>
    <row r="325" spans="1:42" ht="30" customHeight="1" x14ac:dyDescent="0.4">
      <c r="A325" s="492"/>
      <c r="B325" s="80"/>
      <c r="C325" s="382"/>
      <c r="D325" s="297"/>
      <c r="E325" s="297"/>
      <c r="F325" s="297"/>
      <c r="G325" s="297"/>
      <c r="H325" s="297"/>
      <c r="I325" s="338" t="s">
        <v>771</v>
      </c>
      <c r="J325" s="338"/>
      <c r="K325" s="338"/>
      <c r="L325" s="338"/>
      <c r="M325" s="295" t="s">
        <v>770</v>
      </c>
      <c r="N325" s="295"/>
      <c r="O325" s="295"/>
      <c r="P325" s="295"/>
      <c r="Q325" s="295"/>
      <c r="R325" s="295"/>
      <c r="S325" s="295"/>
      <c r="T325" s="295"/>
      <c r="U325" s="295"/>
      <c r="AP325" s="80"/>
    </row>
    <row r="326" spans="1:42" ht="18" customHeight="1" x14ac:dyDescent="0.4">
      <c r="A326" s="492"/>
      <c r="B326" s="18"/>
      <c r="C326" s="19"/>
      <c r="D326" s="19"/>
      <c r="E326" s="19"/>
      <c r="F326" s="19"/>
      <c r="G326" s="19"/>
      <c r="H326" s="19"/>
      <c r="I326" s="19"/>
      <c r="J326" s="19"/>
      <c r="K326" s="19"/>
      <c r="L326" s="19"/>
      <c r="M326" s="19"/>
      <c r="N326" s="19"/>
      <c r="O326" s="19"/>
      <c r="P326" s="19"/>
      <c r="Q326" s="19"/>
      <c r="R326" s="19"/>
      <c r="S326" s="19"/>
      <c r="T326" s="19"/>
      <c r="U326" s="19"/>
      <c r="V326" s="19"/>
      <c r="W326" s="19"/>
      <c r="X326" s="19"/>
      <c r="Y326" s="19"/>
      <c r="Z326" s="19"/>
      <c r="AA326" s="19"/>
      <c r="AB326" s="19"/>
      <c r="AC326" s="19"/>
      <c r="AD326" s="19"/>
      <c r="AE326" s="19"/>
      <c r="AF326" s="19"/>
      <c r="AG326" s="19"/>
      <c r="AH326" s="19"/>
      <c r="AI326" s="19"/>
      <c r="AJ326" s="19"/>
      <c r="AK326" s="19"/>
      <c r="AL326" s="19"/>
      <c r="AM326" s="19"/>
      <c r="AN326" s="19"/>
      <c r="AO326" s="19"/>
      <c r="AP326" s="80"/>
    </row>
    <row r="327" spans="1:42" ht="18" customHeight="1" x14ac:dyDescent="0.4">
      <c r="A327" s="473" t="s">
        <v>773</v>
      </c>
      <c r="B327" s="12"/>
      <c r="C327" s="13"/>
      <c r="D327" s="13"/>
      <c r="E327" s="13"/>
      <c r="F327" s="13"/>
      <c r="G327" s="13"/>
      <c r="H327" s="13"/>
      <c r="I327" s="13"/>
      <c r="J327" s="13"/>
      <c r="K327" s="13"/>
      <c r="L327" s="13"/>
      <c r="M327" s="13"/>
      <c r="N327" s="13"/>
      <c r="O327" s="13"/>
      <c r="P327" s="13"/>
      <c r="Q327" s="13"/>
      <c r="R327" s="13"/>
      <c r="S327" s="13"/>
      <c r="T327" s="13"/>
      <c r="U327" s="13"/>
      <c r="V327" s="13"/>
      <c r="W327" s="13"/>
      <c r="X327" s="13"/>
      <c r="Y327" s="13"/>
      <c r="Z327" s="13"/>
      <c r="AA327" s="13"/>
      <c r="AB327" s="13"/>
      <c r="AC327" s="13"/>
      <c r="AD327" s="13"/>
      <c r="AE327" s="13"/>
      <c r="AF327" s="13"/>
      <c r="AG327" s="13"/>
      <c r="AH327" s="13"/>
      <c r="AI327" s="13"/>
      <c r="AJ327" s="13"/>
      <c r="AK327" s="13"/>
      <c r="AL327" s="13"/>
      <c r="AM327" s="13"/>
      <c r="AN327" s="13"/>
      <c r="AO327" s="13"/>
      <c r="AP327" s="80"/>
    </row>
    <row r="328" spans="1:42" ht="30" customHeight="1" x14ac:dyDescent="0.4">
      <c r="A328" s="474"/>
      <c r="B328" s="80"/>
      <c r="C328" s="496" t="s">
        <v>774</v>
      </c>
      <c r="D328" s="497"/>
      <c r="E328" s="497"/>
      <c r="F328" s="497"/>
      <c r="G328" s="497"/>
      <c r="H328" s="497"/>
      <c r="I328" s="497"/>
      <c r="J328" s="497"/>
      <c r="K328" s="497"/>
      <c r="L328" s="497"/>
      <c r="M328" s="497"/>
      <c r="N328" s="497"/>
      <c r="O328" s="497"/>
      <c r="P328" s="497"/>
      <c r="Q328" s="497"/>
      <c r="R328" s="498"/>
      <c r="S328" s="493" t="s">
        <v>775</v>
      </c>
      <c r="T328" s="497"/>
      <c r="U328" s="497"/>
      <c r="V328" s="497"/>
      <c r="W328" s="497"/>
      <c r="X328" s="497"/>
      <c r="Y328" s="497"/>
      <c r="Z328" s="497"/>
      <c r="AA328" s="498"/>
      <c r="AB328" s="465" t="s">
        <v>776</v>
      </c>
      <c r="AC328" s="469"/>
      <c r="AD328" s="469"/>
      <c r="AE328" s="469"/>
      <c r="AF328" s="469"/>
      <c r="AG328" s="469"/>
      <c r="AH328" s="469"/>
      <c r="AI328" s="469"/>
      <c r="AJ328" s="469"/>
      <c r="AK328" s="469"/>
      <c r="AL328" s="469"/>
      <c r="AM328" s="470"/>
      <c r="AP328" s="80"/>
    </row>
    <row r="329" spans="1:42" ht="30" customHeight="1" x14ac:dyDescent="0.4">
      <c r="A329" s="474"/>
      <c r="B329" s="80"/>
      <c r="C329" s="528" t="s">
        <v>777</v>
      </c>
      <c r="D329" s="529"/>
      <c r="E329" s="534" t="s">
        <v>778</v>
      </c>
      <c r="F329" s="535"/>
      <c r="G329" s="535"/>
      <c r="H329" s="535"/>
      <c r="I329" s="535"/>
      <c r="J329" s="535"/>
      <c r="K329" s="535"/>
      <c r="L329" s="535"/>
      <c r="M329" s="535"/>
      <c r="N329" s="535"/>
      <c r="O329" s="535"/>
      <c r="P329" s="535"/>
      <c r="Q329" s="535"/>
      <c r="R329" s="536"/>
      <c r="S329" s="525" t="s">
        <v>665</v>
      </c>
      <c r="T329" s="526"/>
      <c r="U329" s="526"/>
      <c r="V329" s="526"/>
      <c r="W329" s="526"/>
      <c r="X329" s="526"/>
      <c r="Y329" s="526"/>
      <c r="Z329" s="526"/>
      <c r="AA329" s="527"/>
      <c r="AB329" s="465" t="s">
        <v>779</v>
      </c>
      <c r="AC329" s="469"/>
      <c r="AD329" s="469"/>
      <c r="AE329" s="469"/>
      <c r="AF329" s="469"/>
      <c r="AG329" s="469"/>
      <c r="AH329" s="469"/>
      <c r="AI329" s="469"/>
      <c r="AJ329" s="469"/>
      <c r="AK329" s="469"/>
      <c r="AL329" s="469"/>
      <c r="AM329" s="470"/>
      <c r="AP329" s="80"/>
    </row>
    <row r="330" spans="1:42" ht="30" customHeight="1" x14ac:dyDescent="0.4">
      <c r="A330" s="474"/>
      <c r="B330" s="80"/>
      <c r="C330" s="530"/>
      <c r="D330" s="531"/>
      <c r="E330" s="534" t="s">
        <v>780</v>
      </c>
      <c r="F330" s="535"/>
      <c r="G330" s="535"/>
      <c r="H330" s="535"/>
      <c r="I330" s="535"/>
      <c r="J330" s="535"/>
      <c r="K330" s="535"/>
      <c r="L330" s="535"/>
      <c r="M330" s="535"/>
      <c r="N330" s="535"/>
      <c r="O330" s="535"/>
      <c r="P330" s="535"/>
      <c r="Q330" s="535"/>
      <c r="R330" s="536"/>
      <c r="S330" s="525" t="s">
        <v>665</v>
      </c>
      <c r="T330" s="526"/>
      <c r="U330" s="526"/>
      <c r="V330" s="526"/>
      <c r="W330" s="526"/>
      <c r="X330" s="526"/>
      <c r="Y330" s="526"/>
      <c r="Z330" s="526"/>
      <c r="AA330" s="527"/>
      <c r="AB330" s="465" t="s">
        <v>779</v>
      </c>
      <c r="AC330" s="469"/>
      <c r="AD330" s="469"/>
      <c r="AE330" s="469"/>
      <c r="AF330" s="469"/>
      <c r="AG330" s="469"/>
      <c r="AH330" s="469"/>
      <c r="AI330" s="469"/>
      <c r="AJ330" s="469"/>
      <c r="AK330" s="469"/>
      <c r="AL330" s="469"/>
      <c r="AM330" s="470"/>
      <c r="AP330" s="80"/>
    </row>
    <row r="331" spans="1:42" ht="30" customHeight="1" x14ac:dyDescent="0.4">
      <c r="A331" s="474"/>
      <c r="B331" s="80"/>
      <c r="C331" s="530"/>
      <c r="D331" s="531"/>
      <c r="E331" s="534" t="s">
        <v>923</v>
      </c>
      <c r="F331" s="535"/>
      <c r="G331" s="535"/>
      <c r="H331" s="535"/>
      <c r="I331" s="535"/>
      <c r="J331" s="535"/>
      <c r="K331" s="535"/>
      <c r="L331" s="535"/>
      <c r="M331" s="535"/>
      <c r="N331" s="535"/>
      <c r="O331" s="535"/>
      <c r="P331" s="535"/>
      <c r="Q331" s="535"/>
      <c r="R331" s="536"/>
      <c r="S331" s="525" t="s">
        <v>665</v>
      </c>
      <c r="T331" s="526"/>
      <c r="U331" s="526"/>
      <c r="V331" s="526"/>
      <c r="W331" s="526"/>
      <c r="X331" s="526"/>
      <c r="Y331" s="526"/>
      <c r="Z331" s="526"/>
      <c r="AA331" s="527"/>
      <c r="AB331" s="465" t="s">
        <v>781</v>
      </c>
      <c r="AC331" s="469"/>
      <c r="AD331" s="469"/>
      <c r="AE331" s="469"/>
      <c r="AF331" s="469"/>
      <c r="AG331" s="469"/>
      <c r="AH331" s="469"/>
      <c r="AI331" s="469"/>
      <c r="AJ331" s="469"/>
      <c r="AK331" s="469"/>
      <c r="AL331" s="469"/>
      <c r="AM331" s="470"/>
      <c r="AP331" s="80"/>
    </row>
    <row r="332" spans="1:42" ht="30" customHeight="1" x14ac:dyDescent="0.4">
      <c r="A332" s="474"/>
      <c r="B332" s="80"/>
      <c r="C332" s="532"/>
      <c r="D332" s="533"/>
      <c r="E332" s="534" t="s">
        <v>782</v>
      </c>
      <c r="F332" s="535"/>
      <c r="G332" s="535"/>
      <c r="H332" s="535"/>
      <c r="I332" s="535"/>
      <c r="J332" s="535"/>
      <c r="K332" s="535"/>
      <c r="L332" s="535"/>
      <c r="M332" s="535"/>
      <c r="N332" s="535"/>
      <c r="O332" s="535"/>
      <c r="P332" s="535"/>
      <c r="Q332" s="535"/>
      <c r="R332" s="536"/>
      <c r="S332" s="496" t="s">
        <v>665</v>
      </c>
      <c r="T332" s="497"/>
      <c r="U332" s="497"/>
      <c r="V332" s="497"/>
      <c r="W332" s="497"/>
      <c r="X332" s="497"/>
      <c r="Y332" s="497"/>
      <c r="Z332" s="497"/>
      <c r="AA332" s="498"/>
      <c r="AB332" s="465" t="s">
        <v>779</v>
      </c>
      <c r="AC332" s="469"/>
      <c r="AD332" s="469"/>
      <c r="AE332" s="469"/>
      <c r="AF332" s="469"/>
      <c r="AG332" s="469"/>
      <c r="AH332" s="469"/>
      <c r="AI332" s="469"/>
      <c r="AJ332" s="469"/>
      <c r="AK332" s="469"/>
      <c r="AL332" s="469"/>
      <c r="AM332" s="470"/>
      <c r="AP332" s="80"/>
    </row>
    <row r="333" spans="1:42" ht="30" customHeight="1" x14ac:dyDescent="0.4">
      <c r="A333" s="474"/>
      <c r="B333" s="80"/>
      <c r="C333" s="382" t="s">
        <v>783</v>
      </c>
      <c r="D333" s="382"/>
      <c r="E333" s="502" t="s">
        <v>784</v>
      </c>
      <c r="F333" s="502"/>
      <c r="G333" s="502"/>
      <c r="H333" s="502"/>
      <c r="I333" s="502"/>
      <c r="J333" s="502"/>
      <c r="K333" s="502"/>
      <c r="L333" s="502"/>
      <c r="M333" s="502"/>
      <c r="N333" s="502"/>
      <c r="O333" s="502"/>
      <c r="P333" s="502"/>
      <c r="Q333" s="502"/>
      <c r="R333" s="502"/>
      <c r="S333" s="496" t="s">
        <v>665</v>
      </c>
      <c r="T333" s="497"/>
      <c r="U333" s="497"/>
      <c r="V333" s="497"/>
      <c r="W333" s="497"/>
      <c r="X333" s="497"/>
      <c r="Y333" s="497"/>
      <c r="Z333" s="497"/>
      <c r="AA333" s="498"/>
      <c r="AB333" s="465" t="s">
        <v>779</v>
      </c>
      <c r="AC333" s="469"/>
      <c r="AD333" s="469"/>
      <c r="AE333" s="469"/>
      <c r="AF333" s="469"/>
      <c r="AG333" s="469"/>
      <c r="AH333" s="469"/>
      <c r="AI333" s="469"/>
      <c r="AJ333" s="469"/>
      <c r="AK333" s="469"/>
      <c r="AL333" s="469"/>
      <c r="AM333" s="470"/>
      <c r="AP333" s="80"/>
    </row>
    <row r="334" spans="1:42" ht="30" customHeight="1" x14ac:dyDescent="0.4">
      <c r="A334" s="474"/>
      <c r="B334" s="80"/>
      <c r="C334" s="382"/>
      <c r="D334" s="382"/>
      <c r="E334" s="502" t="s">
        <v>785</v>
      </c>
      <c r="F334" s="502"/>
      <c r="G334" s="502"/>
      <c r="H334" s="502"/>
      <c r="I334" s="502"/>
      <c r="J334" s="502"/>
      <c r="K334" s="502"/>
      <c r="L334" s="502"/>
      <c r="M334" s="502"/>
      <c r="N334" s="502"/>
      <c r="O334" s="502"/>
      <c r="P334" s="502"/>
      <c r="Q334" s="502"/>
      <c r="R334" s="502"/>
      <c r="S334" s="496" t="s">
        <v>665</v>
      </c>
      <c r="T334" s="497"/>
      <c r="U334" s="497"/>
      <c r="V334" s="497"/>
      <c r="W334" s="497"/>
      <c r="X334" s="497"/>
      <c r="Y334" s="497"/>
      <c r="Z334" s="497"/>
      <c r="AA334" s="498"/>
      <c r="AB334" s="465" t="s">
        <v>779</v>
      </c>
      <c r="AC334" s="469"/>
      <c r="AD334" s="469"/>
      <c r="AE334" s="469"/>
      <c r="AF334" s="469"/>
      <c r="AG334" s="469"/>
      <c r="AH334" s="469"/>
      <c r="AI334" s="469"/>
      <c r="AJ334" s="469"/>
      <c r="AK334" s="469"/>
      <c r="AL334" s="469"/>
      <c r="AM334" s="470"/>
      <c r="AP334" s="80"/>
    </row>
    <row r="335" spans="1:42" ht="30" customHeight="1" x14ac:dyDescent="0.4">
      <c r="A335" s="474"/>
      <c r="B335" s="80"/>
      <c r="C335" s="382"/>
      <c r="D335" s="382"/>
      <c r="E335" s="511" t="s">
        <v>786</v>
      </c>
      <c r="F335" s="512"/>
      <c r="G335" s="512"/>
      <c r="H335" s="512"/>
      <c r="I335" s="512"/>
      <c r="J335" s="512"/>
      <c r="K335" s="512"/>
      <c r="L335" s="512"/>
      <c r="M335" s="512"/>
      <c r="N335" s="512"/>
      <c r="O335" s="512"/>
      <c r="P335" s="512"/>
      <c r="Q335" s="512"/>
      <c r="R335" s="513"/>
      <c r="S335" s="496" t="s">
        <v>665</v>
      </c>
      <c r="T335" s="497"/>
      <c r="U335" s="497"/>
      <c r="V335" s="497"/>
      <c r="W335" s="497"/>
      <c r="X335" s="497"/>
      <c r="Y335" s="497"/>
      <c r="Z335" s="497"/>
      <c r="AA335" s="498"/>
      <c r="AB335" s="465" t="s">
        <v>637</v>
      </c>
      <c r="AC335" s="469"/>
      <c r="AD335" s="469"/>
      <c r="AE335" s="469"/>
      <c r="AF335" s="469"/>
      <c r="AG335" s="469"/>
      <c r="AH335" s="469"/>
      <c r="AI335" s="469"/>
      <c r="AJ335" s="469"/>
      <c r="AK335" s="469"/>
      <c r="AL335" s="469"/>
      <c r="AM335" s="470"/>
      <c r="AP335" s="80"/>
    </row>
    <row r="336" spans="1:42" ht="30" customHeight="1" x14ac:dyDescent="0.4">
      <c r="A336" s="474"/>
      <c r="B336" s="80"/>
      <c r="C336" s="382"/>
      <c r="D336" s="382"/>
      <c r="E336" s="511" t="s">
        <v>787</v>
      </c>
      <c r="F336" s="512"/>
      <c r="G336" s="512"/>
      <c r="H336" s="512"/>
      <c r="I336" s="512"/>
      <c r="J336" s="512"/>
      <c r="K336" s="512"/>
      <c r="L336" s="512"/>
      <c r="M336" s="512"/>
      <c r="N336" s="512"/>
      <c r="O336" s="512"/>
      <c r="P336" s="512"/>
      <c r="Q336" s="512"/>
      <c r="R336" s="513"/>
      <c r="S336" s="496" t="s">
        <v>665</v>
      </c>
      <c r="T336" s="497"/>
      <c r="U336" s="497"/>
      <c r="V336" s="497"/>
      <c r="W336" s="497"/>
      <c r="X336" s="497"/>
      <c r="Y336" s="497"/>
      <c r="Z336" s="497"/>
      <c r="AA336" s="498"/>
      <c r="AB336" s="465" t="s">
        <v>637</v>
      </c>
      <c r="AC336" s="469"/>
      <c r="AD336" s="469"/>
      <c r="AE336" s="469"/>
      <c r="AF336" s="469"/>
      <c r="AG336" s="469"/>
      <c r="AH336" s="469"/>
      <c r="AI336" s="469"/>
      <c r="AJ336" s="469"/>
      <c r="AK336" s="469"/>
      <c r="AL336" s="469"/>
      <c r="AM336" s="470"/>
      <c r="AP336" s="80"/>
    </row>
    <row r="337" spans="1:42" ht="30" customHeight="1" x14ac:dyDescent="0.4">
      <c r="A337" s="474"/>
      <c r="B337" s="80"/>
      <c r="C337" s="382"/>
      <c r="D337" s="382"/>
      <c r="E337" s="511" t="s">
        <v>788</v>
      </c>
      <c r="F337" s="512"/>
      <c r="G337" s="512"/>
      <c r="H337" s="512"/>
      <c r="I337" s="512"/>
      <c r="J337" s="512"/>
      <c r="K337" s="512"/>
      <c r="L337" s="512"/>
      <c r="M337" s="512"/>
      <c r="N337" s="512"/>
      <c r="O337" s="512"/>
      <c r="P337" s="512"/>
      <c r="Q337" s="512"/>
      <c r="R337" s="513"/>
      <c r="S337" s="496" t="s">
        <v>665</v>
      </c>
      <c r="T337" s="497"/>
      <c r="U337" s="497"/>
      <c r="V337" s="497"/>
      <c r="W337" s="497"/>
      <c r="X337" s="497"/>
      <c r="Y337" s="497"/>
      <c r="Z337" s="497"/>
      <c r="AA337" s="498"/>
      <c r="AB337" s="465" t="s">
        <v>637</v>
      </c>
      <c r="AC337" s="469"/>
      <c r="AD337" s="469"/>
      <c r="AE337" s="469"/>
      <c r="AF337" s="469"/>
      <c r="AG337" s="469"/>
      <c r="AH337" s="469"/>
      <c r="AI337" s="469"/>
      <c r="AJ337" s="469"/>
      <c r="AK337" s="469"/>
      <c r="AL337" s="469"/>
      <c r="AM337" s="470"/>
      <c r="AP337" s="80"/>
    </row>
    <row r="338" spans="1:42" ht="30" customHeight="1" x14ac:dyDescent="0.4">
      <c r="A338" s="474"/>
      <c r="B338" s="80"/>
      <c r="C338" s="382"/>
      <c r="D338" s="382"/>
      <c r="E338" s="511" t="s">
        <v>789</v>
      </c>
      <c r="F338" s="512"/>
      <c r="G338" s="512"/>
      <c r="H338" s="512"/>
      <c r="I338" s="512"/>
      <c r="J338" s="512"/>
      <c r="K338" s="512"/>
      <c r="L338" s="512"/>
      <c r="M338" s="512"/>
      <c r="N338" s="512"/>
      <c r="O338" s="512"/>
      <c r="P338" s="512"/>
      <c r="Q338" s="512"/>
      <c r="R338" s="513"/>
      <c r="S338" s="496" t="s">
        <v>665</v>
      </c>
      <c r="T338" s="497"/>
      <c r="U338" s="497"/>
      <c r="V338" s="497"/>
      <c r="W338" s="497"/>
      <c r="X338" s="497"/>
      <c r="Y338" s="497"/>
      <c r="Z338" s="497"/>
      <c r="AA338" s="498"/>
      <c r="AB338" s="465" t="s">
        <v>637</v>
      </c>
      <c r="AC338" s="469"/>
      <c r="AD338" s="469"/>
      <c r="AE338" s="469"/>
      <c r="AF338" s="469"/>
      <c r="AG338" s="469"/>
      <c r="AH338" s="469"/>
      <c r="AI338" s="469"/>
      <c r="AJ338" s="469"/>
      <c r="AK338" s="469"/>
      <c r="AL338" s="469"/>
      <c r="AM338" s="470"/>
      <c r="AP338" s="80"/>
    </row>
    <row r="339" spans="1:42" ht="30" customHeight="1" x14ac:dyDescent="0.4">
      <c r="A339" s="474"/>
      <c r="B339" s="80"/>
      <c r="C339" s="382"/>
      <c r="D339" s="382"/>
      <c r="E339" s="511" t="s">
        <v>790</v>
      </c>
      <c r="F339" s="512"/>
      <c r="G339" s="512"/>
      <c r="H339" s="512"/>
      <c r="I339" s="512"/>
      <c r="J339" s="512"/>
      <c r="K339" s="512"/>
      <c r="L339" s="512"/>
      <c r="M339" s="512"/>
      <c r="N339" s="512"/>
      <c r="O339" s="512"/>
      <c r="P339" s="512"/>
      <c r="Q339" s="512"/>
      <c r="R339" s="513"/>
      <c r="S339" s="496" t="s">
        <v>665</v>
      </c>
      <c r="T339" s="497"/>
      <c r="U339" s="497"/>
      <c r="V339" s="497"/>
      <c r="W339" s="497"/>
      <c r="X339" s="497"/>
      <c r="Y339" s="497"/>
      <c r="Z339" s="497"/>
      <c r="AA339" s="498"/>
      <c r="AB339" s="465" t="s">
        <v>637</v>
      </c>
      <c r="AC339" s="469"/>
      <c r="AD339" s="469"/>
      <c r="AE339" s="469"/>
      <c r="AF339" s="469"/>
      <c r="AG339" s="469"/>
      <c r="AH339" s="469"/>
      <c r="AI339" s="469"/>
      <c r="AJ339" s="469"/>
      <c r="AK339" s="469"/>
      <c r="AL339" s="469"/>
      <c r="AM339" s="470"/>
      <c r="AP339" s="80"/>
    </row>
    <row r="340" spans="1:42" ht="30" customHeight="1" x14ac:dyDescent="0.4">
      <c r="A340" s="474"/>
      <c r="B340" s="80"/>
      <c r="C340" s="382"/>
      <c r="D340" s="382"/>
      <c r="E340" s="511" t="s">
        <v>791</v>
      </c>
      <c r="F340" s="512"/>
      <c r="G340" s="512"/>
      <c r="H340" s="512"/>
      <c r="I340" s="512"/>
      <c r="J340" s="512"/>
      <c r="K340" s="512"/>
      <c r="L340" s="512"/>
      <c r="M340" s="512"/>
      <c r="N340" s="512"/>
      <c r="O340" s="512"/>
      <c r="P340" s="512"/>
      <c r="Q340" s="512"/>
      <c r="R340" s="513"/>
      <c r="S340" s="496" t="s">
        <v>665</v>
      </c>
      <c r="T340" s="497"/>
      <c r="U340" s="497"/>
      <c r="V340" s="497"/>
      <c r="W340" s="497"/>
      <c r="X340" s="497"/>
      <c r="Y340" s="497"/>
      <c r="Z340" s="497"/>
      <c r="AA340" s="498"/>
      <c r="AB340" s="465" t="s">
        <v>779</v>
      </c>
      <c r="AC340" s="469"/>
      <c r="AD340" s="469"/>
      <c r="AE340" s="469"/>
      <c r="AF340" s="469"/>
      <c r="AG340" s="469"/>
      <c r="AH340" s="469"/>
      <c r="AI340" s="469"/>
      <c r="AJ340" s="469"/>
      <c r="AK340" s="469"/>
      <c r="AL340" s="469"/>
      <c r="AM340" s="470"/>
      <c r="AP340" s="80"/>
    </row>
    <row r="341" spans="1:42" ht="30" customHeight="1" x14ac:dyDescent="0.4">
      <c r="A341" s="474"/>
      <c r="B341" s="80"/>
      <c r="C341" s="382"/>
      <c r="D341" s="382"/>
      <c r="E341" s="511" t="s">
        <v>792</v>
      </c>
      <c r="F341" s="512"/>
      <c r="G341" s="512"/>
      <c r="H341" s="512"/>
      <c r="I341" s="512"/>
      <c r="J341" s="512"/>
      <c r="K341" s="512"/>
      <c r="L341" s="512"/>
      <c r="M341" s="512"/>
      <c r="N341" s="512"/>
      <c r="O341" s="512"/>
      <c r="P341" s="512"/>
      <c r="Q341" s="512"/>
      <c r="R341" s="513"/>
      <c r="S341" s="496" t="s">
        <v>665</v>
      </c>
      <c r="T341" s="497"/>
      <c r="U341" s="497"/>
      <c r="V341" s="497"/>
      <c r="W341" s="497"/>
      <c r="X341" s="497"/>
      <c r="Y341" s="497"/>
      <c r="Z341" s="497"/>
      <c r="AA341" s="498"/>
      <c r="AB341" s="465" t="s">
        <v>779</v>
      </c>
      <c r="AC341" s="469"/>
      <c r="AD341" s="469"/>
      <c r="AE341" s="469"/>
      <c r="AF341" s="469"/>
      <c r="AG341" s="469"/>
      <c r="AH341" s="469"/>
      <c r="AI341" s="469"/>
      <c r="AJ341" s="469"/>
      <c r="AK341" s="469"/>
      <c r="AL341" s="469"/>
      <c r="AM341" s="470"/>
      <c r="AP341" s="80"/>
    </row>
    <row r="342" spans="1:42" ht="30" customHeight="1" x14ac:dyDescent="0.4">
      <c r="A342" s="474"/>
      <c r="B342" s="80"/>
      <c r="C342" s="382"/>
      <c r="D342" s="382"/>
      <c r="E342" s="511" t="s">
        <v>793</v>
      </c>
      <c r="F342" s="512"/>
      <c r="G342" s="512"/>
      <c r="H342" s="512"/>
      <c r="I342" s="512"/>
      <c r="J342" s="512"/>
      <c r="K342" s="512"/>
      <c r="L342" s="512"/>
      <c r="M342" s="512"/>
      <c r="N342" s="512"/>
      <c r="O342" s="512"/>
      <c r="P342" s="512"/>
      <c r="Q342" s="512"/>
      <c r="R342" s="513"/>
      <c r="S342" s="496" t="s">
        <v>665</v>
      </c>
      <c r="T342" s="497"/>
      <c r="U342" s="497"/>
      <c r="V342" s="497"/>
      <c r="W342" s="497"/>
      <c r="X342" s="497"/>
      <c r="Y342" s="497"/>
      <c r="Z342" s="497"/>
      <c r="AA342" s="498"/>
      <c r="AB342" s="465" t="s">
        <v>637</v>
      </c>
      <c r="AC342" s="469"/>
      <c r="AD342" s="469"/>
      <c r="AE342" s="469"/>
      <c r="AF342" s="469"/>
      <c r="AG342" s="469"/>
      <c r="AH342" s="469"/>
      <c r="AI342" s="469"/>
      <c r="AJ342" s="469"/>
      <c r="AK342" s="469"/>
      <c r="AL342" s="469"/>
      <c r="AM342" s="470"/>
      <c r="AP342" s="80"/>
    </row>
    <row r="343" spans="1:42" ht="30" customHeight="1" x14ac:dyDescent="0.4">
      <c r="A343" s="474"/>
      <c r="B343" s="80"/>
      <c r="C343" s="382"/>
      <c r="D343" s="382"/>
      <c r="E343" s="511" t="s">
        <v>794</v>
      </c>
      <c r="F343" s="512"/>
      <c r="G343" s="512"/>
      <c r="H343" s="512"/>
      <c r="I343" s="512"/>
      <c r="J343" s="512"/>
      <c r="K343" s="512"/>
      <c r="L343" s="512"/>
      <c r="M343" s="512"/>
      <c r="N343" s="512"/>
      <c r="O343" s="512"/>
      <c r="P343" s="512"/>
      <c r="Q343" s="512"/>
      <c r="R343" s="513"/>
      <c r="S343" s="496" t="s">
        <v>665</v>
      </c>
      <c r="T343" s="497"/>
      <c r="U343" s="497"/>
      <c r="V343" s="497"/>
      <c r="W343" s="497"/>
      <c r="X343" s="497"/>
      <c r="Y343" s="497"/>
      <c r="Z343" s="497"/>
      <c r="AA343" s="498"/>
      <c r="AB343" s="465" t="s">
        <v>779</v>
      </c>
      <c r="AC343" s="469"/>
      <c r="AD343" s="469"/>
      <c r="AE343" s="469"/>
      <c r="AF343" s="469"/>
      <c r="AG343" s="469"/>
      <c r="AH343" s="469"/>
      <c r="AI343" s="469"/>
      <c r="AJ343" s="469"/>
      <c r="AK343" s="469"/>
      <c r="AL343" s="469"/>
      <c r="AM343" s="470"/>
      <c r="AP343" s="80"/>
    </row>
    <row r="344" spans="1:42" ht="30" customHeight="1" x14ac:dyDescent="0.4">
      <c r="A344" s="474"/>
      <c r="B344" s="80"/>
      <c r="C344" s="382"/>
      <c r="D344" s="382"/>
      <c r="E344" s="511" t="s">
        <v>795</v>
      </c>
      <c r="F344" s="512"/>
      <c r="G344" s="512"/>
      <c r="H344" s="512"/>
      <c r="I344" s="512"/>
      <c r="J344" s="512"/>
      <c r="K344" s="512"/>
      <c r="L344" s="512"/>
      <c r="M344" s="512"/>
      <c r="N344" s="512"/>
      <c r="O344" s="512"/>
      <c r="P344" s="512"/>
      <c r="Q344" s="512"/>
      <c r="R344" s="513"/>
      <c r="S344" s="496" t="s">
        <v>665</v>
      </c>
      <c r="T344" s="497"/>
      <c r="U344" s="497"/>
      <c r="V344" s="497"/>
      <c r="W344" s="497"/>
      <c r="X344" s="497"/>
      <c r="Y344" s="497"/>
      <c r="Z344" s="497"/>
      <c r="AA344" s="498"/>
      <c r="AB344" s="465" t="s">
        <v>637</v>
      </c>
      <c r="AC344" s="469"/>
      <c r="AD344" s="469"/>
      <c r="AE344" s="469"/>
      <c r="AF344" s="469"/>
      <c r="AG344" s="469"/>
      <c r="AH344" s="469"/>
      <c r="AI344" s="469"/>
      <c r="AJ344" s="469"/>
      <c r="AK344" s="469"/>
      <c r="AL344" s="469"/>
      <c r="AM344" s="470"/>
      <c r="AP344" s="80"/>
    </row>
    <row r="345" spans="1:42" ht="30" customHeight="1" x14ac:dyDescent="0.4">
      <c r="A345" s="474"/>
      <c r="B345" s="80"/>
      <c r="C345" s="382"/>
      <c r="D345" s="382"/>
      <c r="E345" s="511" t="s">
        <v>796</v>
      </c>
      <c r="F345" s="512"/>
      <c r="G345" s="512"/>
      <c r="H345" s="512"/>
      <c r="I345" s="512"/>
      <c r="J345" s="512"/>
      <c r="K345" s="512"/>
      <c r="L345" s="512"/>
      <c r="M345" s="512"/>
      <c r="N345" s="512"/>
      <c r="O345" s="512"/>
      <c r="P345" s="512"/>
      <c r="Q345" s="512"/>
      <c r="R345" s="513"/>
      <c r="S345" s="496" t="s">
        <v>665</v>
      </c>
      <c r="T345" s="497"/>
      <c r="U345" s="497"/>
      <c r="V345" s="497"/>
      <c r="W345" s="497"/>
      <c r="X345" s="497"/>
      <c r="Y345" s="497"/>
      <c r="Z345" s="497"/>
      <c r="AA345" s="498"/>
      <c r="AB345" s="465" t="s">
        <v>637</v>
      </c>
      <c r="AC345" s="469"/>
      <c r="AD345" s="469"/>
      <c r="AE345" s="469"/>
      <c r="AF345" s="469"/>
      <c r="AG345" s="469"/>
      <c r="AH345" s="469"/>
      <c r="AI345" s="469"/>
      <c r="AJ345" s="469"/>
      <c r="AK345" s="469"/>
      <c r="AL345" s="469"/>
      <c r="AM345" s="470"/>
      <c r="AP345" s="80"/>
    </row>
    <row r="346" spans="1:42" ht="30" customHeight="1" x14ac:dyDescent="0.4">
      <c r="A346" s="474"/>
      <c r="B346" s="80"/>
      <c r="C346" s="511" t="s">
        <v>797</v>
      </c>
      <c r="D346" s="512"/>
      <c r="E346" s="512"/>
      <c r="F346" s="512"/>
      <c r="G346" s="512"/>
      <c r="H346" s="512"/>
      <c r="I346" s="512"/>
      <c r="J346" s="512"/>
      <c r="K346" s="512"/>
      <c r="L346" s="512"/>
      <c r="M346" s="512"/>
      <c r="N346" s="512"/>
      <c r="O346" s="512"/>
      <c r="P346" s="512"/>
      <c r="Q346" s="512"/>
      <c r="R346" s="513"/>
      <c r="S346" s="496" t="s">
        <v>798</v>
      </c>
      <c r="T346" s="497"/>
      <c r="U346" s="497"/>
      <c r="V346" s="497"/>
      <c r="W346" s="497"/>
      <c r="X346" s="497"/>
      <c r="Y346" s="497"/>
      <c r="Z346" s="497"/>
      <c r="AA346" s="498"/>
      <c r="AB346" s="465" t="s">
        <v>637</v>
      </c>
      <c r="AC346" s="469"/>
      <c r="AD346" s="469"/>
      <c r="AE346" s="469"/>
      <c r="AF346" s="469"/>
      <c r="AG346" s="469"/>
      <c r="AH346" s="469"/>
      <c r="AI346" s="469"/>
      <c r="AJ346" s="469"/>
      <c r="AK346" s="469"/>
      <c r="AL346" s="469"/>
      <c r="AM346" s="470"/>
      <c r="AP346" s="80"/>
    </row>
    <row r="347" spans="1:42" ht="50.1" customHeight="1" x14ac:dyDescent="0.4">
      <c r="A347" s="474"/>
      <c r="B347" s="80"/>
      <c r="C347" s="697" t="s">
        <v>681</v>
      </c>
      <c r="D347" s="698"/>
      <c r="E347" s="699" t="s">
        <v>799</v>
      </c>
      <c r="F347" s="512"/>
      <c r="G347" s="512"/>
      <c r="H347" s="512"/>
      <c r="I347" s="512"/>
      <c r="J347" s="512"/>
      <c r="K347" s="512"/>
      <c r="L347" s="512"/>
      <c r="M347" s="512"/>
      <c r="N347" s="512"/>
      <c r="O347" s="512"/>
      <c r="P347" s="512"/>
      <c r="Q347" s="512"/>
      <c r="R347" s="513"/>
      <c r="S347" s="496" t="s">
        <v>101</v>
      </c>
      <c r="T347" s="497"/>
      <c r="U347" s="497"/>
      <c r="V347" s="497"/>
      <c r="W347" s="497"/>
      <c r="X347" s="497"/>
      <c r="Y347" s="497"/>
      <c r="Z347" s="497"/>
      <c r="AA347" s="498"/>
      <c r="AB347" s="338" t="s">
        <v>922</v>
      </c>
      <c r="AC347" s="295"/>
      <c r="AD347" s="295"/>
      <c r="AE347" s="295"/>
      <c r="AF347" s="295"/>
      <c r="AG347" s="295"/>
      <c r="AH347" s="295"/>
      <c r="AI347" s="295"/>
      <c r="AJ347" s="295"/>
      <c r="AK347" s="295"/>
      <c r="AL347" s="295"/>
      <c r="AM347" s="295"/>
      <c r="AP347" s="80"/>
    </row>
    <row r="348" spans="1:42" ht="18" customHeight="1" x14ac:dyDescent="0.4">
      <c r="A348" s="477"/>
      <c r="B348" s="18"/>
      <c r="C348" s="19"/>
      <c r="D348" s="19"/>
      <c r="E348" s="19"/>
      <c r="F348" s="19"/>
      <c r="G348" s="19"/>
      <c r="H348" s="19"/>
      <c r="I348" s="19"/>
      <c r="J348" s="19"/>
      <c r="K348" s="19"/>
      <c r="L348" s="19"/>
      <c r="M348" s="19"/>
      <c r="N348" s="19"/>
      <c r="O348" s="19"/>
      <c r="P348" s="19"/>
      <c r="Q348" s="19"/>
      <c r="R348" s="19"/>
      <c r="S348" s="19"/>
      <c r="T348" s="19"/>
      <c r="U348" s="19"/>
      <c r="V348" s="19"/>
      <c r="W348" s="19"/>
      <c r="X348" s="19"/>
      <c r="Y348" s="19"/>
      <c r="Z348" s="19"/>
      <c r="AA348" s="19"/>
      <c r="AB348" s="19"/>
      <c r="AC348" s="19"/>
      <c r="AD348" s="19"/>
      <c r="AE348" s="19"/>
      <c r="AF348" s="19"/>
      <c r="AG348" s="19"/>
      <c r="AH348" s="19"/>
      <c r="AI348" s="19"/>
      <c r="AJ348" s="19"/>
      <c r="AK348" s="19"/>
      <c r="AL348" s="19"/>
      <c r="AM348" s="19"/>
      <c r="AN348" s="19"/>
      <c r="AO348" s="19"/>
      <c r="AP348" s="80"/>
    </row>
    <row r="349" spans="1:42" ht="18" customHeight="1" x14ac:dyDescent="0.4">
      <c r="A349" s="492" t="s">
        <v>800</v>
      </c>
      <c r="B349" s="12"/>
      <c r="C349" s="13"/>
      <c r="D349" s="13"/>
      <c r="E349" s="13"/>
      <c r="F349" s="13"/>
      <c r="G349" s="13"/>
      <c r="H349" s="13"/>
      <c r="I349" s="13"/>
      <c r="J349" s="13"/>
      <c r="K349" s="13"/>
      <c r="L349" s="13"/>
      <c r="M349" s="13"/>
      <c r="N349" s="13"/>
      <c r="O349" s="13"/>
      <c r="P349" s="13"/>
      <c r="Q349" s="13"/>
      <c r="R349" s="13"/>
      <c r="S349" s="13"/>
      <c r="T349" s="13"/>
      <c r="U349" s="13"/>
      <c r="V349" s="13"/>
      <c r="W349" s="13"/>
      <c r="X349" s="13"/>
      <c r="Y349" s="13"/>
      <c r="Z349" s="13"/>
      <c r="AA349" s="13"/>
      <c r="AB349" s="13"/>
      <c r="AC349" s="13"/>
      <c r="AD349" s="13"/>
      <c r="AE349" s="13"/>
      <c r="AF349" s="13"/>
      <c r="AG349" s="13"/>
      <c r="AH349" s="13"/>
      <c r="AI349" s="13"/>
      <c r="AJ349" s="13"/>
      <c r="AK349" s="13"/>
      <c r="AL349" s="13"/>
      <c r="AM349" s="13"/>
      <c r="AN349" s="13"/>
      <c r="AO349" s="13"/>
      <c r="AP349" s="80"/>
    </row>
    <row r="350" spans="1:42" ht="30" customHeight="1" x14ac:dyDescent="0.4">
      <c r="A350" s="492"/>
      <c r="B350" s="80"/>
      <c r="C350" s="540" t="s">
        <v>801</v>
      </c>
      <c r="D350" s="541"/>
      <c r="E350" s="541"/>
      <c r="F350" s="541"/>
      <c r="G350" s="541"/>
      <c r="H350" s="542"/>
      <c r="I350" s="540" t="s">
        <v>802</v>
      </c>
      <c r="J350" s="541"/>
      <c r="K350" s="541"/>
      <c r="L350" s="541"/>
      <c r="M350" s="541"/>
      <c r="N350" s="541"/>
      <c r="O350" s="541"/>
      <c r="P350" s="542"/>
      <c r="Q350" s="540" t="s">
        <v>803</v>
      </c>
      <c r="R350" s="541"/>
      <c r="S350" s="542"/>
      <c r="T350" s="696" t="s">
        <v>804</v>
      </c>
      <c r="U350" s="541"/>
      <c r="V350" s="541"/>
      <c r="W350" s="541"/>
      <c r="X350" s="542"/>
      <c r="Y350" s="696" t="s">
        <v>805</v>
      </c>
      <c r="Z350" s="541"/>
      <c r="AA350" s="541"/>
      <c r="AB350" s="541"/>
      <c r="AC350" s="542"/>
      <c r="AD350" s="540" t="s">
        <v>806</v>
      </c>
      <c r="AE350" s="541"/>
      <c r="AF350" s="541"/>
      <c r="AG350" s="541"/>
      <c r="AH350" s="542"/>
      <c r="AI350" s="540" t="s">
        <v>807</v>
      </c>
      <c r="AJ350" s="541"/>
      <c r="AK350" s="541"/>
      <c r="AL350" s="542"/>
      <c r="AM350" s="165"/>
      <c r="AP350" s="80"/>
    </row>
    <row r="351" spans="1:42" ht="45" customHeight="1" x14ac:dyDescent="0.4">
      <c r="A351" s="492"/>
      <c r="B351" s="80"/>
      <c r="C351" s="615" t="s">
        <v>650</v>
      </c>
      <c r="D351" s="616"/>
      <c r="E351" s="616"/>
      <c r="F351" s="616"/>
      <c r="G351" s="616"/>
      <c r="H351" s="617"/>
      <c r="I351" s="696" t="s">
        <v>808</v>
      </c>
      <c r="J351" s="541"/>
      <c r="K351" s="541"/>
      <c r="L351" s="541"/>
      <c r="M351" s="541"/>
      <c r="N351" s="541"/>
      <c r="O351" s="541"/>
      <c r="P351" s="542"/>
      <c r="Q351" s="696" t="s">
        <v>809</v>
      </c>
      <c r="R351" s="541"/>
      <c r="S351" s="542"/>
      <c r="T351" s="540" t="s">
        <v>810</v>
      </c>
      <c r="U351" s="541"/>
      <c r="V351" s="541"/>
      <c r="W351" s="541"/>
      <c r="X351" s="542"/>
      <c r="Y351" s="540" t="s">
        <v>810</v>
      </c>
      <c r="Z351" s="541"/>
      <c r="AA351" s="541"/>
      <c r="AB351" s="541"/>
      <c r="AC351" s="542"/>
      <c r="AD351" s="540" t="s">
        <v>810</v>
      </c>
      <c r="AE351" s="541"/>
      <c r="AF351" s="541"/>
      <c r="AG351" s="541"/>
      <c r="AH351" s="542"/>
      <c r="AI351" s="154"/>
      <c r="AJ351" s="155"/>
      <c r="AK351" s="155"/>
      <c r="AL351" s="156"/>
      <c r="AM351" s="165"/>
      <c r="AP351" s="80"/>
    </row>
    <row r="352" spans="1:42" ht="45" customHeight="1" x14ac:dyDescent="0.4">
      <c r="A352" s="492"/>
      <c r="B352" s="80"/>
      <c r="C352" s="615" t="s">
        <v>650</v>
      </c>
      <c r="D352" s="616"/>
      <c r="E352" s="616"/>
      <c r="F352" s="616"/>
      <c r="G352" s="616"/>
      <c r="H352" s="617"/>
      <c r="I352" s="696" t="s">
        <v>808</v>
      </c>
      <c r="J352" s="541"/>
      <c r="K352" s="541"/>
      <c r="L352" s="541"/>
      <c r="M352" s="541"/>
      <c r="N352" s="541"/>
      <c r="O352" s="541"/>
      <c r="P352" s="542"/>
      <c r="Q352" s="696" t="s">
        <v>809</v>
      </c>
      <c r="R352" s="541"/>
      <c r="S352" s="542"/>
      <c r="T352" s="540" t="s">
        <v>810</v>
      </c>
      <c r="U352" s="541"/>
      <c r="V352" s="541"/>
      <c r="W352" s="541"/>
      <c r="X352" s="542"/>
      <c r="Y352" s="540" t="s">
        <v>810</v>
      </c>
      <c r="Z352" s="541"/>
      <c r="AA352" s="541"/>
      <c r="AB352" s="541"/>
      <c r="AC352" s="542"/>
      <c r="AD352" s="540" t="s">
        <v>810</v>
      </c>
      <c r="AE352" s="541"/>
      <c r="AF352" s="541"/>
      <c r="AG352" s="541"/>
      <c r="AH352" s="542"/>
      <c r="AI352" s="154"/>
      <c r="AJ352" s="155"/>
      <c r="AK352" s="155"/>
      <c r="AL352" s="156"/>
      <c r="AM352" s="165"/>
      <c r="AP352" s="80"/>
    </row>
    <row r="353" spans="1:42" ht="45" customHeight="1" x14ac:dyDescent="0.4">
      <c r="A353" s="492"/>
      <c r="B353" s="80"/>
      <c r="C353" s="615" t="s">
        <v>650</v>
      </c>
      <c r="D353" s="616"/>
      <c r="E353" s="616"/>
      <c r="F353" s="616"/>
      <c r="G353" s="616"/>
      <c r="H353" s="617"/>
      <c r="I353" s="696" t="s">
        <v>808</v>
      </c>
      <c r="J353" s="541"/>
      <c r="K353" s="541"/>
      <c r="L353" s="541"/>
      <c r="M353" s="541"/>
      <c r="N353" s="541"/>
      <c r="O353" s="541"/>
      <c r="P353" s="542"/>
      <c r="Q353" s="696" t="s">
        <v>809</v>
      </c>
      <c r="R353" s="541"/>
      <c r="S353" s="542"/>
      <c r="T353" s="540" t="s">
        <v>810</v>
      </c>
      <c r="U353" s="541"/>
      <c r="V353" s="541"/>
      <c r="W353" s="541"/>
      <c r="X353" s="542"/>
      <c r="Y353" s="540" t="s">
        <v>810</v>
      </c>
      <c r="Z353" s="541"/>
      <c r="AA353" s="541"/>
      <c r="AB353" s="541"/>
      <c r="AC353" s="542"/>
      <c r="AD353" s="540" t="s">
        <v>810</v>
      </c>
      <c r="AE353" s="541"/>
      <c r="AF353" s="541"/>
      <c r="AG353" s="541"/>
      <c r="AH353" s="542"/>
      <c r="AI353" s="154"/>
      <c r="AJ353" s="155"/>
      <c r="AK353" s="155"/>
      <c r="AL353" s="156"/>
      <c r="AM353" s="165"/>
      <c r="AP353" s="80"/>
    </row>
    <row r="354" spans="1:42" ht="45" customHeight="1" x14ac:dyDescent="0.4">
      <c r="A354" s="492"/>
      <c r="B354" s="80"/>
      <c r="C354" s="615" t="s">
        <v>650</v>
      </c>
      <c r="D354" s="616"/>
      <c r="E354" s="616"/>
      <c r="F354" s="616"/>
      <c r="G354" s="616"/>
      <c r="H354" s="617"/>
      <c r="I354" s="696" t="s">
        <v>808</v>
      </c>
      <c r="J354" s="541"/>
      <c r="K354" s="541"/>
      <c r="L354" s="541"/>
      <c r="M354" s="541"/>
      <c r="N354" s="541"/>
      <c r="O354" s="541"/>
      <c r="P354" s="542"/>
      <c r="Q354" s="696" t="s">
        <v>809</v>
      </c>
      <c r="R354" s="541"/>
      <c r="S354" s="542"/>
      <c r="T354" s="540" t="s">
        <v>810</v>
      </c>
      <c r="U354" s="541"/>
      <c r="V354" s="541"/>
      <c r="W354" s="541"/>
      <c r="X354" s="542"/>
      <c r="Y354" s="540" t="s">
        <v>810</v>
      </c>
      <c r="Z354" s="541"/>
      <c r="AA354" s="541"/>
      <c r="AB354" s="541"/>
      <c r="AC354" s="542"/>
      <c r="AD354" s="540" t="s">
        <v>810</v>
      </c>
      <c r="AE354" s="541"/>
      <c r="AF354" s="541"/>
      <c r="AG354" s="541"/>
      <c r="AH354" s="542"/>
      <c r="AI354" s="154"/>
      <c r="AJ354" s="155"/>
      <c r="AK354" s="155"/>
      <c r="AL354" s="156"/>
      <c r="AM354" s="165"/>
      <c r="AP354" s="80"/>
    </row>
    <row r="355" spans="1:42" ht="45" customHeight="1" x14ac:dyDescent="0.4">
      <c r="A355" s="492"/>
      <c r="B355" s="80"/>
      <c r="C355" s="615" t="s">
        <v>650</v>
      </c>
      <c r="D355" s="616"/>
      <c r="E355" s="616"/>
      <c r="F355" s="616"/>
      <c r="G355" s="616"/>
      <c r="H355" s="617"/>
      <c r="I355" s="696" t="s">
        <v>808</v>
      </c>
      <c r="J355" s="541"/>
      <c r="K355" s="541"/>
      <c r="L355" s="541"/>
      <c r="M355" s="541"/>
      <c r="N355" s="541"/>
      <c r="O355" s="541"/>
      <c r="P355" s="542"/>
      <c r="Q355" s="696" t="s">
        <v>809</v>
      </c>
      <c r="R355" s="541"/>
      <c r="S355" s="542"/>
      <c r="T355" s="540" t="s">
        <v>810</v>
      </c>
      <c r="U355" s="541"/>
      <c r="V355" s="541"/>
      <c r="W355" s="541"/>
      <c r="X355" s="542"/>
      <c r="Y355" s="540" t="s">
        <v>810</v>
      </c>
      <c r="Z355" s="541"/>
      <c r="AA355" s="541"/>
      <c r="AB355" s="541"/>
      <c r="AC355" s="542"/>
      <c r="AD355" s="540" t="s">
        <v>810</v>
      </c>
      <c r="AE355" s="541"/>
      <c r="AF355" s="541"/>
      <c r="AG355" s="541"/>
      <c r="AH355" s="542"/>
      <c r="AI355" s="154"/>
      <c r="AJ355" s="155"/>
      <c r="AK355" s="155"/>
      <c r="AL355" s="156"/>
      <c r="AM355" s="165"/>
      <c r="AP355" s="80"/>
    </row>
    <row r="356" spans="1:42" ht="45" customHeight="1" x14ac:dyDescent="0.4">
      <c r="A356" s="492"/>
      <c r="B356" s="80"/>
      <c r="C356" s="615" t="s">
        <v>650</v>
      </c>
      <c r="D356" s="616"/>
      <c r="E356" s="616"/>
      <c r="F356" s="616"/>
      <c r="G356" s="616"/>
      <c r="H356" s="617"/>
      <c r="I356" s="696" t="s">
        <v>808</v>
      </c>
      <c r="J356" s="541"/>
      <c r="K356" s="541"/>
      <c r="L356" s="541"/>
      <c r="M356" s="541"/>
      <c r="N356" s="541"/>
      <c r="O356" s="541"/>
      <c r="P356" s="542"/>
      <c r="Q356" s="696" t="s">
        <v>809</v>
      </c>
      <c r="R356" s="541"/>
      <c r="S356" s="542"/>
      <c r="T356" s="540" t="s">
        <v>810</v>
      </c>
      <c r="U356" s="541"/>
      <c r="V356" s="541"/>
      <c r="W356" s="541"/>
      <c r="X356" s="542"/>
      <c r="Y356" s="540" t="s">
        <v>810</v>
      </c>
      <c r="Z356" s="541"/>
      <c r="AA356" s="541"/>
      <c r="AB356" s="541"/>
      <c r="AC356" s="542"/>
      <c r="AD356" s="540" t="s">
        <v>810</v>
      </c>
      <c r="AE356" s="541"/>
      <c r="AF356" s="541"/>
      <c r="AG356" s="541"/>
      <c r="AH356" s="542"/>
      <c r="AI356" s="154"/>
      <c r="AJ356" s="155"/>
      <c r="AK356" s="155"/>
      <c r="AL356" s="156"/>
      <c r="AM356" s="165"/>
      <c r="AP356" s="80"/>
    </row>
    <row r="357" spans="1:42" ht="45" customHeight="1" x14ac:dyDescent="0.4">
      <c r="A357" s="492"/>
      <c r="B357" s="80"/>
      <c r="C357" s="615" t="s">
        <v>650</v>
      </c>
      <c r="D357" s="616"/>
      <c r="E357" s="616"/>
      <c r="F357" s="616"/>
      <c r="G357" s="616"/>
      <c r="H357" s="617"/>
      <c r="I357" s="696" t="s">
        <v>808</v>
      </c>
      <c r="J357" s="541"/>
      <c r="K357" s="541"/>
      <c r="L357" s="541"/>
      <c r="M357" s="541"/>
      <c r="N357" s="541"/>
      <c r="O357" s="541"/>
      <c r="P357" s="542"/>
      <c r="Q357" s="696" t="s">
        <v>809</v>
      </c>
      <c r="R357" s="541"/>
      <c r="S357" s="542"/>
      <c r="T357" s="540" t="s">
        <v>810</v>
      </c>
      <c r="U357" s="541"/>
      <c r="V357" s="541"/>
      <c r="W357" s="541"/>
      <c r="X357" s="542"/>
      <c r="Y357" s="540" t="s">
        <v>810</v>
      </c>
      <c r="Z357" s="541"/>
      <c r="AA357" s="541"/>
      <c r="AB357" s="541"/>
      <c r="AC357" s="542"/>
      <c r="AD357" s="540" t="s">
        <v>810</v>
      </c>
      <c r="AE357" s="541"/>
      <c r="AF357" s="541"/>
      <c r="AG357" s="541"/>
      <c r="AH357" s="542"/>
      <c r="AI357" s="154"/>
      <c r="AJ357" s="155"/>
      <c r="AK357" s="155"/>
      <c r="AL357" s="156"/>
      <c r="AM357" s="165"/>
      <c r="AP357" s="80"/>
    </row>
    <row r="358" spans="1:42" ht="45" customHeight="1" x14ac:dyDescent="0.4">
      <c r="A358" s="492"/>
      <c r="B358" s="80"/>
      <c r="C358" s="615" t="s">
        <v>650</v>
      </c>
      <c r="D358" s="616"/>
      <c r="E358" s="616"/>
      <c r="F358" s="616"/>
      <c r="G358" s="616"/>
      <c r="H358" s="617"/>
      <c r="I358" s="696" t="s">
        <v>808</v>
      </c>
      <c r="J358" s="541"/>
      <c r="K358" s="541"/>
      <c r="L358" s="541"/>
      <c r="M358" s="541"/>
      <c r="N358" s="541"/>
      <c r="O358" s="541"/>
      <c r="P358" s="542"/>
      <c r="Q358" s="696" t="s">
        <v>809</v>
      </c>
      <c r="R358" s="541"/>
      <c r="S358" s="542"/>
      <c r="T358" s="540" t="s">
        <v>810</v>
      </c>
      <c r="U358" s="541"/>
      <c r="V358" s="541"/>
      <c r="W358" s="541"/>
      <c r="X358" s="542"/>
      <c r="Y358" s="540" t="s">
        <v>810</v>
      </c>
      <c r="Z358" s="541"/>
      <c r="AA358" s="541"/>
      <c r="AB358" s="541"/>
      <c r="AC358" s="542"/>
      <c r="AD358" s="540" t="s">
        <v>810</v>
      </c>
      <c r="AE358" s="541"/>
      <c r="AF358" s="541"/>
      <c r="AG358" s="541"/>
      <c r="AH358" s="542"/>
      <c r="AI358" s="154"/>
      <c r="AJ358" s="155"/>
      <c r="AK358" s="155"/>
      <c r="AL358" s="156"/>
      <c r="AM358" s="165"/>
      <c r="AP358" s="80"/>
    </row>
    <row r="359" spans="1:42" ht="45" customHeight="1" x14ac:dyDescent="0.4">
      <c r="A359" s="492"/>
      <c r="B359" s="80"/>
      <c r="C359" s="615" t="s">
        <v>650</v>
      </c>
      <c r="D359" s="616"/>
      <c r="E359" s="616"/>
      <c r="F359" s="616"/>
      <c r="G359" s="616"/>
      <c r="H359" s="617"/>
      <c r="I359" s="696" t="s">
        <v>808</v>
      </c>
      <c r="J359" s="541"/>
      <c r="K359" s="541"/>
      <c r="L359" s="541"/>
      <c r="M359" s="541"/>
      <c r="N359" s="541"/>
      <c r="O359" s="541"/>
      <c r="P359" s="542"/>
      <c r="Q359" s="696" t="s">
        <v>809</v>
      </c>
      <c r="R359" s="541"/>
      <c r="S359" s="542"/>
      <c r="T359" s="540" t="s">
        <v>810</v>
      </c>
      <c r="U359" s="541"/>
      <c r="V359" s="541"/>
      <c r="W359" s="541"/>
      <c r="X359" s="542"/>
      <c r="Y359" s="540" t="s">
        <v>810</v>
      </c>
      <c r="Z359" s="541"/>
      <c r="AA359" s="541"/>
      <c r="AB359" s="541"/>
      <c r="AC359" s="542"/>
      <c r="AD359" s="540" t="s">
        <v>810</v>
      </c>
      <c r="AE359" s="541"/>
      <c r="AF359" s="541"/>
      <c r="AG359" s="541"/>
      <c r="AH359" s="542"/>
      <c r="AI359" s="154"/>
      <c r="AJ359" s="155"/>
      <c r="AK359" s="155"/>
      <c r="AL359" s="156"/>
      <c r="AM359" s="165"/>
      <c r="AP359" s="80"/>
    </row>
    <row r="360" spans="1:42" ht="45" customHeight="1" x14ac:dyDescent="0.4">
      <c r="A360" s="492"/>
      <c r="B360" s="80"/>
      <c r="C360" s="615" t="s">
        <v>650</v>
      </c>
      <c r="D360" s="616"/>
      <c r="E360" s="616"/>
      <c r="F360" s="616"/>
      <c r="G360" s="616"/>
      <c r="H360" s="617"/>
      <c r="I360" s="696" t="s">
        <v>808</v>
      </c>
      <c r="J360" s="541"/>
      <c r="K360" s="541"/>
      <c r="L360" s="541"/>
      <c r="M360" s="541"/>
      <c r="N360" s="541"/>
      <c r="O360" s="541"/>
      <c r="P360" s="542"/>
      <c r="Q360" s="696" t="s">
        <v>809</v>
      </c>
      <c r="R360" s="541"/>
      <c r="S360" s="542"/>
      <c r="T360" s="540" t="s">
        <v>810</v>
      </c>
      <c r="U360" s="541"/>
      <c r="V360" s="541"/>
      <c r="W360" s="541"/>
      <c r="X360" s="542"/>
      <c r="Y360" s="540" t="s">
        <v>810</v>
      </c>
      <c r="Z360" s="541"/>
      <c r="AA360" s="541"/>
      <c r="AB360" s="541"/>
      <c r="AC360" s="542"/>
      <c r="AD360" s="540" t="s">
        <v>810</v>
      </c>
      <c r="AE360" s="541"/>
      <c r="AF360" s="541"/>
      <c r="AG360" s="541"/>
      <c r="AH360" s="542"/>
      <c r="AI360" s="154"/>
      <c r="AJ360" s="155"/>
      <c r="AK360" s="155"/>
      <c r="AL360" s="156"/>
      <c r="AM360" s="165"/>
      <c r="AP360" s="80"/>
    </row>
    <row r="361" spans="1:42" ht="45" customHeight="1" x14ac:dyDescent="0.4">
      <c r="A361" s="492"/>
      <c r="B361" s="80"/>
      <c r="C361" s="615" t="s">
        <v>650</v>
      </c>
      <c r="D361" s="616"/>
      <c r="E361" s="616"/>
      <c r="F361" s="616"/>
      <c r="G361" s="616"/>
      <c r="H361" s="617"/>
      <c r="I361" s="696" t="s">
        <v>808</v>
      </c>
      <c r="J361" s="541"/>
      <c r="K361" s="541"/>
      <c r="L361" s="541"/>
      <c r="M361" s="541"/>
      <c r="N361" s="541"/>
      <c r="O361" s="541"/>
      <c r="P361" s="542"/>
      <c r="Q361" s="696" t="s">
        <v>809</v>
      </c>
      <c r="R361" s="541"/>
      <c r="S361" s="542"/>
      <c r="T361" s="540" t="s">
        <v>810</v>
      </c>
      <c r="U361" s="541"/>
      <c r="V361" s="541"/>
      <c r="W361" s="541"/>
      <c r="X361" s="542"/>
      <c r="Y361" s="540" t="s">
        <v>810</v>
      </c>
      <c r="Z361" s="541"/>
      <c r="AA361" s="541"/>
      <c r="AB361" s="541"/>
      <c r="AC361" s="542"/>
      <c r="AD361" s="540" t="s">
        <v>810</v>
      </c>
      <c r="AE361" s="541"/>
      <c r="AF361" s="541"/>
      <c r="AG361" s="541"/>
      <c r="AH361" s="542"/>
      <c r="AI361" s="154"/>
      <c r="AJ361" s="155"/>
      <c r="AK361" s="155"/>
      <c r="AL361" s="156"/>
      <c r="AM361" s="165"/>
      <c r="AP361" s="80"/>
    </row>
    <row r="362" spans="1:42" ht="45" customHeight="1" x14ac:dyDescent="0.4">
      <c r="A362" s="492"/>
      <c r="B362" s="80"/>
      <c r="C362" s="615" t="s">
        <v>650</v>
      </c>
      <c r="D362" s="616"/>
      <c r="E362" s="616"/>
      <c r="F362" s="616"/>
      <c r="G362" s="616"/>
      <c r="H362" s="617"/>
      <c r="I362" s="696" t="s">
        <v>808</v>
      </c>
      <c r="J362" s="541"/>
      <c r="K362" s="541"/>
      <c r="L362" s="541"/>
      <c r="M362" s="541"/>
      <c r="N362" s="541"/>
      <c r="O362" s="541"/>
      <c r="P362" s="542"/>
      <c r="Q362" s="696" t="s">
        <v>809</v>
      </c>
      <c r="R362" s="541"/>
      <c r="S362" s="542"/>
      <c r="T362" s="540" t="s">
        <v>810</v>
      </c>
      <c r="U362" s="541"/>
      <c r="V362" s="541"/>
      <c r="W362" s="541"/>
      <c r="X362" s="542"/>
      <c r="Y362" s="540" t="s">
        <v>810</v>
      </c>
      <c r="Z362" s="541"/>
      <c r="AA362" s="541"/>
      <c r="AB362" s="541"/>
      <c r="AC362" s="542"/>
      <c r="AD362" s="540" t="s">
        <v>810</v>
      </c>
      <c r="AE362" s="541"/>
      <c r="AF362" s="541"/>
      <c r="AG362" s="541"/>
      <c r="AH362" s="542"/>
      <c r="AI362" s="154"/>
      <c r="AJ362" s="155"/>
      <c r="AK362" s="155"/>
      <c r="AL362" s="156"/>
      <c r="AM362" s="165"/>
      <c r="AP362" s="80"/>
    </row>
    <row r="363" spans="1:42" ht="45" customHeight="1" x14ac:dyDescent="0.4">
      <c r="A363" s="492"/>
      <c r="B363" s="80"/>
      <c r="C363" s="615" t="s">
        <v>650</v>
      </c>
      <c r="D363" s="616"/>
      <c r="E363" s="616"/>
      <c r="F363" s="616"/>
      <c r="G363" s="616"/>
      <c r="H363" s="617"/>
      <c r="I363" s="696" t="s">
        <v>808</v>
      </c>
      <c r="J363" s="541"/>
      <c r="K363" s="541"/>
      <c r="L363" s="541"/>
      <c r="M363" s="541"/>
      <c r="N363" s="541"/>
      <c r="O363" s="541"/>
      <c r="P363" s="542"/>
      <c r="Q363" s="696" t="s">
        <v>809</v>
      </c>
      <c r="R363" s="541"/>
      <c r="S363" s="542"/>
      <c r="T363" s="540" t="s">
        <v>810</v>
      </c>
      <c r="U363" s="541"/>
      <c r="V363" s="541"/>
      <c r="W363" s="541"/>
      <c r="X363" s="542"/>
      <c r="Y363" s="540" t="s">
        <v>810</v>
      </c>
      <c r="Z363" s="541"/>
      <c r="AA363" s="541"/>
      <c r="AB363" s="541"/>
      <c r="AC363" s="542"/>
      <c r="AD363" s="540" t="s">
        <v>810</v>
      </c>
      <c r="AE363" s="541"/>
      <c r="AF363" s="541"/>
      <c r="AG363" s="541"/>
      <c r="AH363" s="542"/>
      <c r="AI363" s="154"/>
      <c r="AJ363" s="155"/>
      <c r="AK363" s="155"/>
      <c r="AL363" s="156"/>
      <c r="AM363" s="165"/>
      <c r="AP363" s="80"/>
    </row>
    <row r="364" spans="1:42" ht="45" customHeight="1" x14ac:dyDescent="0.4">
      <c r="A364" s="492"/>
      <c r="B364" s="80"/>
      <c r="C364" s="615" t="s">
        <v>650</v>
      </c>
      <c r="D364" s="616"/>
      <c r="E364" s="616"/>
      <c r="F364" s="616"/>
      <c r="G364" s="616"/>
      <c r="H364" s="617"/>
      <c r="I364" s="696" t="s">
        <v>808</v>
      </c>
      <c r="J364" s="541"/>
      <c r="K364" s="541"/>
      <c r="L364" s="541"/>
      <c r="M364" s="541"/>
      <c r="N364" s="541"/>
      <c r="O364" s="541"/>
      <c r="P364" s="542"/>
      <c r="Q364" s="696" t="s">
        <v>809</v>
      </c>
      <c r="R364" s="541"/>
      <c r="S364" s="542"/>
      <c r="T364" s="540" t="s">
        <v>810</v>
      </c>
      <c r="U364" s="541"/>
      <c r="V364" s="541"/>
      <c r="W364" s="541"/>
      <c r="X364" s="542"/>
      <c r="Y364" s="540" t="s">
        <v>810</v>
      </c>
      <c r="Z364" s="541"/>
      <c r="AA364" s="541"/>
      <c r="AB364" s="541"/>
      <c r="AC364" s="542"/>
      <c r="AD364" s="540" t="s">
        <v>810</v>
      </c>
      <c r="AE364" s="541"/>
      <c r="AF364" s="541"/>
      <c r="AG364" s="541"/>
      <c r="AH364" s="542"/>
      <c r="AI364" s="154"/>
      <c r="AJ364" s="155"/>
      <c r="AK364" s="155"/>
      <c r="AL364" s="156"/>
      <c r="AM364" s="165"/>
      <c r="AP364" s="80"/>
    </row>
    <row r="365" spans="1:42" ht="45" customHeight="1" x14ac:dyDescent="0.4">
      <c r="A365" s="492"/>
      <c r="B365" s="80"/>
      <c r="C365" s="615" t="s">
        <v>650</v>
      </c>
      <c r="D365" s="616"/>
      <c r="E365" s="616"/>
      <c r="F365" s="616"/>
      <c r="G365" s="616"/>
      <c r="H365" s="617"/>
      <c r="I365" s="696" t="s">
        <v>808</v>
      </c>
      <c r="J365" s="541"/>
      <c r="K365" s="541"/>
      <c r="L365" s="541"/>
      <c r="M365" s="541"/>
      <c r="N365" s="541"/>
      <c r="O365" s="541"/>
      <c r="P365" s="542"/>
      <c r="Q365" s="696" t="s">
        <v>809</v>
      </c>
      <c r="R365" s="541"/>
      <c r="S365" s="542"/>
      <c r="T365" s="540" t="s">
        <v>810</v>
      </c>
      <c r="U365" s="541"/>
      <c r="V365" s="541"/>
      <c r="W365" s="541"/>
      <c r="X365" s="542"/>
      <c r="Y365" s="540" t="s">
        <v>810</v>
      </c>
      <c r="Z365" s="541"/>
      <c r="AA365" s="541"/>
      <c r="AB365" s="541"/>
      <c r="AC365" s="542"/>
      <c r="AD365" s="540" t="s">
        <v>810</v>
      </c>
      <c r="AE365" s="541"/>
      <c r="AF365" s="541"/>
      <c r="AG365" s="541"/>
      <c r="AH365" s="542"/>
      <c r="AI365" s="154"/>
      <c r="AJ365" s="155"/>
      <c r="AK365" s="155"/>
      <c r="AL365" s="156"/>
      <c r="AM365" s="165"/>
      <c r="AP365" s="80"/>
    </row>
    <row r="366" spans="1:42" ht="18" customHeight="1" x14ac:dyDescent="0.4">
      <c r="A366" s="492"/>
      <c r="B366" s="18"/>
      <c r="C366" s="19"/>
      <c r="D366" s="19"/>
      <c r="E366" s="19"/>
      <c r="F366" s="19"/>
      <c r="G366" s="19"/>
      <c r="H366" s="19"/>
      <c r="I366" s="19"/>
      <c r="J366" s="19"/>
      <c r="K366" s="19"/>
      <c r="L366" s="19"/>
      <c r="M366" s="19"/>
      <c r="N366" s="19"/>
      <c r="O366" s="19"/>
      <c r="P366" s="19"/>
      <c r="Q366" s="19"/>
      <c r="R366" s="19"/>
      <c r="S366" s="19"/>
      <c r="T366" s="19"/>
      <c r="U366" s="19"/>
      <c r="V366" s="19"/>
      <c r="W366" s="19"/>
      <c r="X366" s="19"/>
      <c r="Y366" s="19"/>
      <c r="Z366" s="19"/>
      <c r="AA366" s="19"/>
      <c r="AB366" s="19"/>
      <c r="AC366" s="19"/>
      <c r="AD366" s="19"/>
      <c r="AE366" s="19"/>
      <c r="AF366" s="19"/>
      <c r="AG366" s="19"/>
      <c r="AH366" s="19"/>
      <c r="AI366" s="19"/>
      <c r="AJ366" s="19"/>
      <c r="AK366" s="19"/>
      <c r="AL366" s="19"/>
      <c r="AM366" s="19"/>
      <c r="AN366" s="19"/>
      <c r="AO366" s="19"/>
      <c r="AP366" s="80"/>
    </row>
    <row r="367" spans="1:42" ht="18" customHeight="1" x14ac:dyDescent="0.4">
      <c r="A367" s="473" t="s">
        <v>811</v>
      </c>
      <c r="B367" s="12"/>
      <c r="C367" s="13" t="s">
        <v>812</v>
      </c>
      <c r="D367" s="13"/>
      <c r="E367" s="13"/>
      <c r="F367" s="13"/>
      <c r="G367" s="13"/>
      <c r="H367" s="13"/>
      <c r="I367" s="13"/>
      <c r="J367" s="13"/>
      <c r="K367" s="13"/>
      <c r="L367" s="13"/>
      <c r="M367" s="13"/>
      <c r="N367" s="13"/>
      <c r="O367" s="13"/>
      <c r="P367" s="13"/>
      <c r="Q367" s="13"/>
      <c r="R367" s="13"/>
      <c r="S367" s="13"/>
      <c r="T367" s="13"/>
      <c r="U367" s="13"/>
      <c r="V367" s="13"/>
      <c r="W367" s="13"/>
      <c r="X367" s="13"/>
      <c r="Y367" s="13"/>
      <c r="Z367" s="13"/>
      <c r="AA367" s="13"/>
      <c r="AB367" s="13"/>
      <c r="AC367" s="13"/>
      <c r="AD367" s="13"/>
      <c r="AE367" s="13"/>
      <c r="AF367" s="13"/>
      <c r="AG367" s="13"/>
      <c r="AH367" s="13"/>
      <c r="AI367" s="13"/>
      <c r="AJ367" s="13"/>
      <c r="AK367" s="13"/>
      <c r="AL367" s="13"/>
      <c r="AM367" s="13"/>
      <c r="AN367" s="13"/>
      <c r="AO367" s="79"/>
      <c r="AP367" s="80"/>
    </row>
    <row r="368" spans="1:42" ht="18" customHeight="1" x14ac:dyDescent="0.4">
      <c r="A368" s="475"/>
      <c r="B368" s="80"/>
      <c r="C368" s="503" t="s">
        <v>813</v>
      </c>
      <c r="D368" s="364"/>
      <c r="E368" s="364"/>
      <c r="F368" s="364"/>
      <c r="G368" s="364"/>
      <c r="H368" s="365"/>
      <c r="I368" s="505"/>
      <c r="J368" s="506"/>
      <c r="K368" s="506"/>
      <c r="L368" s="506"/>
      <c r="M368" s="506"/>
      <c r="N368" s="506"/>
      <c r="O368" s="506"/>
      <c r="P368" s="506"/>
      <c r="Q368" s="506"/>
      <c r="R368" s="506"/>
      <c r="S368" s="506"/>
      <c r="T368" s="506"/>
      <c r="U368" s="507"/>
      <c r="AO368" s="81"/>
      <c r="AP368" s="80"/>
    </row>
    <row r="369" spans="1:42" ht="18" customHeight="1" x14ac:dyDescent="0.4">
      <c r="A369" s="475"/>
      <c r="B369" s="80"/>
      <c r="C369" s="504"/>
      <c r="D369" s="368"/>
      <c r="E369" s="368"/>
      <c r="F369" s="368"/>
      <c r="G369" s="368"/>
      <c r="H369" s="369"/>
      <c r="I369" s="508"/>
      <c r="J369" s="509"/>
      <c r="K369" s="509"/>
      <c r="L369" s="509"/>
      <c r="M369" s="509"/>
      <c r="N369" s="509"/>
      <c r="O369" s="509"/>
      <c r="P369" s="509"/>
      <c r="Q369" s="509"/>
      <c r="R369" s="509"/>
      <c r="S369" s="509"/>
      <c r="T369" s="509"/>
      <c r="U369" s="510"/>
      <c r="AO369" s="81"/>
      <c r="AP369" s="80"/>
    </row>
    <row r="370" spans="1:42" ht="18" customHeight="1" x14ac:dyDescent="0.4">
      <c r="A370" s="476"/>
      <c r="B370" s="18"/>
      <c r="C370" s="19"/>
      <c r="D370" s="19"/>
      <c r="E370" s="19"/>
      <c r="F370" s="19"/>
      <c r="G370" s="19"/>
      <c r="H370" s="19"/>
      <c r="I370" s="19"/>
      <c r="J370" s="19"/>
      <c r="K370" s="19"/>
      <c r="L370" s="19"/>
      <c r="M370" s="19"/>
      <c r="N370" s="19"/>
      <c r="O370" s="19"/>
      <c r="P370" s="19"/>
      <c r="Q370" s="19"/>
      <c r="R370" s="19"/>
      <c r="S370" s="19"/>
      <c r="T370" s="19"/>
      <c r="U370" s="19"/>
      <c r="V370" s="19"/>
      <c r="W370" s="19"/>
      <c r="X370" s="19"/>
      <c r="Y370" s="19"/>
      <c r="Z370" s="19"/>
      <c r="AA370" s="19"/>
      <c r="AB370" s="19"/>
      <c r="AC370" s="19"/>
      <c r="AD370" s="19"/>
      <c r="AE370" s="19"/>
      <c r="AF370" s="19"/>
      <c r="AG370" s="19"/>
      <c r="AH370" s="19"/>
      <c r="AI370" s="19"/>
      <c r="AJ370" s="19"/>
      <c r="AK370" s="19"/>
      <c r="AL370" s="19"/>
      <c r="AM370" s="19"/>
      <c r="AN370" s="19"/>
      <c r="AO370" s="82"/>
      <c r="AP370" s="80"/>
    </row>
    <row r="371" spans="1:42" ht="18" customHeight="1" x14ac:dyDescent="0.4">
      <c r="A371" s="473" t="s">
        <v>814</v>
      </c>
      <c r="B371" s="80"/>
      <c r="C371" s="26" t="s">
        <v>815</v>
      </c>
      <c r="AP371" s="80"/>
    </row>
    <row r="372" spans="1:42" ht="18" customHeight="1" x14ac:dyDescent="0.4">
      <c r="A372" s="474"/>
      <c r="B372" s="80"/>
      <c r="C372" s="295"/>
      <c r="D372" s="295"/>
      <c r="E372" s="338" t="s">
        <v>816</v>
      </c>
      <c r="F372" s="338"/>
      <c r="G372" s="338"/>
      <c r="H372" s="338"/>
      <c r="I372" s="295"/>
      <c r="J372" s="295"/>
      <c r="K372" s="502" t="s">
        <v>817</v>
      </c>
      <c r="L372" s="502"/>
      <c r="M372" s="502"/>
      <c r="N372" s="502"/>
      <c r="O372" s="502"/>
      <c r="P372" s="502"/>
      <c r="Q372" s="502"/>
      <c r="R372" s="502"/>
      <c r="S372" s="502"/>
      <c r="T372" s="502"/>
      <c r="U372" s="502"/>
      <c r="AP372" s="80"/>
    </row>
    <row r="373" spans="1:42" ht="18" customHeight="1" x14ac:dyDescent="0.4">
      <c r="A373" s="474"/>
      <c r="B373" s="80"/>
      <c r="C373" s="295"/>
      <c r="D373" s="295"/>
      <c r="E373" s="338"/>
      <c r="F373" s="338"/>
      <c r="G373" s="338"/>
      <c r="H373" s="338"/>
      <c r="I373" s="295"/>
      <c r="J373" s="295"/>
      <c r="K373" s="502" t="s">
        <v>818</v>
      </c>
      <c r="L373" s="502"/>
      <c r="M373" s="502"/>
      <c r="N373" s="502"/>
      <c r="O373" s="502"/>
      <c r="P373" s="502"/>
      <c r="Q373" s="502"/>
      <c r="R373" s="502"/>
      <c r="S373" s="502"/>
      <c r="T373" s="502"/>
      <c r="U373" s="502"/>
      <c r="AP373" s="80"/>
    </row>
    <row r="374" spans="1:42" ht="18" customHeight="1" x14ac:dyDescent="0.4">
      <c r="A374" s="474"/>
      <c r="B374" s="80"/>
      <c r="C374" s="295"/>
      <c r="D374" s="295"/>
      <c r="E374" s="338"/>
      <c r="F374" s="338"/>
      <c r="G374" s="338"/>
      <c r="H374" s="338"/>
      <c r="I374" s="295"/>
      <c r="J374" s="295"/>
      <c r="K374" s="514" t="s">
        <v>819</v>
      </c>
      <c r="L374" s="514"/>
      <c r="M374" s="514"/>
      <c r="N374" s="514"/>
      <c r="O374" s="514"/>
      <c r="P374" s="514"/>
      <c r="Q374" s="514"/>
      <c r="R374" s="514"/>
      <c r="S374" s="514"/>
      <c r="T374" s="514"/>
      <c r="U374" s="514"/>
      <c r="AP374" s="80"/>
    </row>
    <row r="375" spans="1:42" ht="18" customHeight="1" x14ac:dyDescent="0.4">
      <c r="A375" s="474"/>
      <c r="B375" s="80"/>
      <c r="C375" s="295"/>
      <c r="D375" s="295"/>
      <c r="E375" s="338"/>
      <c r="F375" s="338"/>
      <c r="G375" s="338"/>
      <c r="H375" s="338"/>
      <c r="I375" s="295"/>
      <c r="J375" s="295"/>
      <c r="K375" s="514"/>
      <c r="L375" s="514"/>
      <c r="M375" s="514"/>
      <c r="N375" s="514"/>
      <c r="O375" s="514"/>
      <c r="P375" s="514"/>
      <c r="Q375" s="514"/>
      <c r="R375" s="514"/>
      <c r="S375" s="514"/>
      <c r="T375" s="514"/>
      <c r="U375" s="514"/>
      <c r="AP375" s="80"/>
    </row>
    <row r="376" spans="1:42" ht="18" customHeight="1" x14ac:dyDescent="0.4">
      <c r="A376" s="474"/>
      <c r="B376" s="80"/>
      <c r="C376" s="295"/>
      <c r="D376" s="295"/>
      <c r="E376" s="502" t="s">
        <v>820</v>
      </c>
      <c r="F376" s="502"/>
      <c r="G376" s="502"/>
      <c r="H376" s="502"/>
      <c r="I376" s="502"/>
      <c r="J376" s="502"/>
      <c r="K376" s="502"/>
      <c r="L376" s="502"/>
      <c r="M376" s="502"/>
      <c r="N376" s="502"/>
      <c r="O376" s="502"/>
      <c r="P376" s="502"/>
      <c r="Q376" s="502"/>
      <c r="R376" s="502"/>
      <c r="S376" s="502"/>
      <c r="T376" s="502"/>
      <c r="U376" s="502"/>
      <c r="AP376" s="80"/>
    </row>
    <row r="377" spans="1:42" ht="18" customHeight="1" x14ac:dyDescent="0.4">
      <c r="A377" s="474"/>
      <c r="B377" s="80"/>
      <c r="C377" s="465"/>
      <c r="D377" s="470"/>
      <c r="E377" s="511" t="s">
        <v>821</v>
      </c>
      <c r="F377" s="512"/>
      <c r="G377" s="512"/>
      <c r="H377" s="512"/>
      <c r="I377" s="512"/>
      <c r="J377" s="512"/>
      <c r="K377" s="512"/>
      <c r="L377" s="512"/>
      <c r="M377" s="512"/>
      <c r="N377" s="512"/>
      <c r="O377" s="512"/>
      <c r="P377" s="512"/>
      <c r="Q377" s="512"/>
      <c r="R377" s="512"/>
      <c r="S377" s="512"/>
      <c r="T377" s="512"/>
      <c r="U377" s="513"/>
      <c r="AP377" s="80"/>
    </row>
    <row r="378" spans="1:42" ht="18" customHeight="1" x14ac:dyDescent="0.4">
      <c r="A378" s="474"/>
      <c r="B378" s="80"/>
      <c r="C378" s="295"/>
      <c r="D378" s="295"/>
      <c r="E378" s="502" t="s">
        <v>819</v>
      </c>
      <c r="F378" s="502"/>
      <c r="G378" s="502"/>
      <c r="H378" s="502"/>
      <c r="I378" s="502"/>
      <c r="J378" s="502"/>
      <c r="K378" s="502"/>
      <c r="L378" s="502"/>
      <c r="M378" s="502"/>
      <c r="N378" s="502"/>
      <c r="O378" s="502"/>
      <c r="P378" s="502"/>
      <c r="Q378" s="502"/>
      <c r="R378" s="502"/>
      <c r="S378" s="502"/>
      <c r="T378" s="502"/>
      <c r="U378" s="502"/>
      <c r="AP378" s="80"/>
    </row>
    <row r="379" spans="1:42" ht="18" customHeight="1" x14ac:dyDescent="0.4">
      <c r="A379" s="477"/>
      <c r="B379" s="80"/>
      <c r="AP379" s="80"/>
    </row>
    <row r="380" spans="1:42" ht="18" customHeight="1" x14ac:dyDescent="0.4">
      <c r="A380" s="473" t="s">
        <v>822</v>
      </c>
      <c r="B380" s="12"/>
      <c r="C380" s="13"/>
      <c r="D380" s="13"/>
      <c r="E380" s="13"/>
      <c r="F380" s="13"/>
      <c r="G380" s="13"/>
      <c r="H380" s="13"/>
      <c r="I380" s="13"/>
      <c r="J380" s="13"/>
      <c r="K380" s="13"/>
      <c r="L380" s="13"/>
      <c r="M380" s="13"/>
      <c r="N380" s="13"/>
      <c r="O380" s="13"/>
      <c r="P380" s="13"/>
      <c r="Q380" s="13"/>
      <c r="R380" s="13"/>
      <c r="S380" s="13"/>
      <c r="T380" s="13"/>
      <c r="U380" s="13"/>
      <c r="V380" s="13"/>
      <c r="W380" s="13"/>
      <c r="X380" s="13"/>
      <c r="Y380" s="13"/>
      <c r="Z380" s="13"/>
      <c r="AA380" s="13"/>
      <c r="AB380" s="13"/>
      <c r="AC380" s="13"/>
      <c r="AD380" s="13"/>
      <c r="AE380" s="13"/>
      <c r="AF380" s="13"/>
      <c r="AG380" s="13"/>
      <c r="AH380" s="13"/>
      <c r="AI380" s="13"/>
      <c r="AJ380" s="13"/>
      <c r="AK380" s="13"/>
      <c r="AL380" s="13"/>
      <c r="AM380" s="13"/>
      <c r="AN380" s="13"/>
      <c r="AO380" s="13"/>
      <c r="AP380" s="80"/>
    </row>
    <row r="381" spans="1:42" ht="18" customHeight="1" x14ac:dyDescent="0.4">
      <c r="A381" s="475"/>
      <c r="B381" s="80"/>
      <c r="W381" s="166" t="s">
        <v>823</v>
      </c>
      <c r="AP381" s="80"/>
    </row>
    <row r="382" spans="1:42" ht="30" customHeight="1" x14ac:dyDescent="0.4">
      <c r="A382" s="475"/>
      <c r="B382" s="80"/>
      <c r="C382" s="465" t="s">
        <v>824</v>
      </c>
      <c r="D382" s="469"/>
      <c r="E382" s="469"/>
      <c r="F382" s="469"/>
      <c r="G382" s="469"/>
      <c r="H382" s="470"/>
      <c r="I382" s="465" t="s">
        <v>825</v>
      </c>
      <c r="J382" s="469"/>
      <c r="K382" s="469"/>
      <c r="L382" s="469"/>
      <c r="M382" s="469"/>
      <c r="N382" s="470"/>
      <c r="O382" s="537" t="s">
        <v>826</v>
      </c>
      <c r="P382" s="469"/>
      <c r="Q382" s="469"/>
      <c r="R382" s="469"/>
      <c r="S382" s="470"/>
      <c r="T382" s="465" t="s">
        <v>827</v>
      </c>
      <c r="U382" s="469"/>
      <c r="V382" s="469"/>
      <c r="W382" s="470"/>
      <c r="AP382" s="80"/>
    </row>
    <row r="383" spans="1:42" ht="30" customHeight="1" x14ac:dyDescent="0.4">
      <c r="A383" s="475"/>
      <c r="B383" s="80"/>
      <c r="C383" s="716" t="s">
        <v>650</v>
      </c>
      <c r="D383" s="717"/>
      <c r="E383" s="717"/>
      <c r="F383" s="717"/>
      <c r="G383" s="717"/>
      <c r="H383" s="718"/>
      <c r="I383" s="537" t="s">
        <v>828</v>
      </c>
      <c r="J383" s="538"/>
      <c r="K383" s="538"/>
      <c r="L383" s="538"/>
      <c r="M383" s="538"/>
      <c r="N383" s="539"/>
      <c r="O383" s="465" t="s">
        <v>829</v>
      </c>
      <c r="P383" s="469"/>
      <c r="Q383" s="469"/>
      <c r="R383" s="469"/>
      <c r="S383" s="470"/>
      <c r="T383" s="465" t="s">
        <v>829</v>
      </c>
      <c r="U383" s="469"/>
      <c r="V383" s="469"/>
      <c r="W383" s="470"/>
      <c r="AP383" s="80"/>
    </row>
    <row r="384" spans="1:42" ht="30" customHeight="1" x14ac:dyDescent="0.4">
      <c r="A384" s="475"/>
      <c r="B384" s="80"/>
      <c r="C384" s="716" t="s">
        <v>650</v>
      </c>
      <c r="D384" s="717"/>
      <c r="E384" s="717"/>
      <c r="F384" s="717"/>
      <c r="G384" s="717"/>
      <c r="H384" s="718"/>
      <c r="I384" s="537" t="s">
        <v>828</v>
      </c>
      <c r="J384" s="538"/>
      <c r="K384" s="538"/>
      <c r="L384" s="538"/>
      <c r="M384" s="538"/>
      <c r="N384" s="539"/>
      <c r="O384" s="465" t="s">
        <v>829</v>
      </c>
      <c r="P384" s="469"/>
      <c r="Q384" s="469"/>
      <c r="R384" s="469"/>
      <c r="S384" s="470"/>
      <c r="T384" s="465" t="s">
        <v>829</v>
      </c>
      <c r="U384" s="469"/>
      <c r="V384" s="469"/>
      <c r="W384" s="470"/>
      <c r="AP384" s="80"/>
    </row>
    <row r="385" spans="1:42" ht="18" customHeight="1" x14ac:dyDescent="0.4">
      <c r="A385" s="476"/>
      <c r="B385" s="18"/>
      <c r="C385" s="137"/>
      <c r="D385" s="137"/>
      <c r="E385" s="137"/>
      <c r="F385" s="137"/>
      <c r="G385" s="137"/>
      <c r="H385" s="137"/>
      <c r="I385" s="137"/>
      <c r="J385" s="137"/>
      <c r="K385" s="137"/>
      <c r="L385" s="137"/>
      <c r="M385" s="137"/>
      <c r="N385" s="137"/>
      <c r="O385" s="137"/>
      <c r="P385" s="137"/>
      <c r="Q385" s="137"/>
      <c r="R385" s="137"/>
      <c r="S385" s="137"/>
      <c r="T385" s="137"/>
      <c r="U385" s="137"/>
      <c r="V385" s="19"/>
      <c r="W385" s="19"/>
      <c r="X385" s="19"/>
      <c r="Y385" s="19"/>
      <c r="Z385" s="19"/>
      <c r="AA385" s="19"/>
      <c r="AB385" s="19"/>
      <c r="AC385" s="19"/>
      <c r="AD385" s="19"/>
      <c r="AE385" s="19"/>
      <c r="AF385" s="19"/>
      <c r="AG385" s="19"/>
      <c r="AH385" s="19"/>
      <c r="AI385" s="19"/>
      <c r="AJ385" s="19"/>
      <c r="AK385" s="19"/>
      <c r="AL385" s="19"/>
      <c r="AM385" s="19"/>
      <c r="AN385" s="19"/>
      <c r="AO385" s="19"/>
      <c r="AP385" s="80"/>
    </row>
    <row r="386" spans="1:42" ht="18" customHeight="1" x14ac:dyDescent="0.4">
      <c r="A386" s="473" t="s">
        <v>1089</v>
      </c>
      <c r="B386" s="80"/>
      <c r="C386" s="13"/>
      <c r="D386" s="13"/>
      <c r="E386" s="13"/>
      <c r="F386" s="13"/>
      <c r="G386" s="13"/>
      <c r="H386" s="13"/>
      <c r="I386" s="13"/>
      <c r="J386" s="13"/>
      <c r="K386" s="13"/>
      <c r="L386" s="13"/>
      <c r="M386" s="13"/>
      <c r="N386" s="13"/>
      <c r="O386" s="13"/>
      <c r="P386" s="13"/>
      <c r="Q386" s="13"/>
      <c r="R386" s="13"/>
      <c r="S386" s="13"/>
      <c r="T386" s="13"/>
      <c r="U386" s="13"/>
      <c r="AP386" s="80"/>
    </row>
    <row r="387" spans="1:42" ht="18" customHeight="1" x14ac:dyDescent="0.4">
      <c r="A387" s="474"/>
      <c r="B387" s="80"/>
      <c r="C387" s="138"/>
      <c r="D387" s="138"/>
      <c r="E387" s="138"/>
      <c r="F387" s="138"/>
      <c r="G387" s="138"/>
      <c r="H387" s="138"/>
      <c r="I387" s="138"/>
      <c r="J387" s="138"/>
      <c r="K387" s="138"/>
      <c r="L387" s="138"/>
      <c r="M387" s="138"/>
      <c r="N387" s="138"/>
      <c r="O387" s="138"/>
      <c r="P387" s="138"/>
      <c r="Q387" s="138"/>
      <c r="R387" s="138"/>
      <c r="S387" s="157" t="s">
        <v>823</v>
      </c>
      <c r="AP387" s="80"/>
    </row>
    <row r="388" spans="1:42" ht="18" customHeight="1" x14ac:dyDescent="0.4">
      <c r="A388" s="474"/>
      <c r="B388" s="80"/>
      <c r="C388" s="540" t="s">
        <v>824</v>
      </c>
      <c r="D388" s="541"/>
      <c r="E388" s="541"/>
      <c r="F388" s="541"/>
      <c r="G388" s="541"/>
      <c r="H388" s="542"/>
      <c r="I388" s="540" t="s">
        <v>825</v>
      </c>
      <c r="J388" s="541"/>
      <c r="K388" s="541"/>
      <c r="L388" s="541"/>
      <c r="M388" s="541"/>
      <c r="N388" s="542"/>
      <c r="O388" s="696" t="s">
        <v>827</v>
      </c>
      <c r="P388" s="541"/>
      <c r="Q388" s="541"/>
      <c r="R388" s="541"/>
      <c r="S388" s="542"/>
      <c r="AP388" s="80"/>
    </row>
    <row r="389" spans="1:42" ht="30" customHeight="1" x14ac:dyDescent="0.4">
      <c r="A389" s="474"/>
      <c r="B389" s="80"/>
      <c r="C389" s="615" t="s">
        <v>650</v>
      </c>
      <c r="D389" s="616"/>
      <c r="E389" s="616"/>
      <c r="F389" s="616"/>
      <c r="G389" s="616"/>
      <c r="H389" s="617"/>
      <c r="I389" s="696"/>
      <c r="J389" s="719"/>
      <c r="K389" s="719"/>
      <c r="L389" s="719"/>
      <c r="M389" s="719"/>
      <c r="N389" s="720"/>
      <c r="O389" s="540" t="s">
        <v>1090</v>
      </c>
      <c r="P389" s="541"/>
      <c r="Q389" s="541"/>
      <c r="R389" s="541"/>
      <c r="S389" s="542"/>
      <c r="AP389" s="80"/>
    </row>
    <row r="390" spans="1:42" ht="18" customHeight="1" x14ac:dyDescent="0.4">
      <c r="A390" s="477"/>
      <c r="B390" s="80"/>
      <c r="C390" s="19"/>
      <c r="D390" s="19"/>
      <c r="E390" s="19"/>
      <c r="F390" s="19"/>
      <c r="G390" s="19"/>
      <c r="H390" s="19"/>
      <c r="I390" s="19"/>
      <c r="J390" s="19"/>
      <c r="K390" s="19"/>
      <c r="L390" s="19"/>
      <c r="M390" s="19"/>
      <c r="N390" s="19"/>
      <c r="O390" s="19"/>
      <c r="P390" s="19"/>
      <c r="Q390" s="19"/>
      <c r="R390" s="19"/>
      <c r="S390" s="19"/>
      <c r="T390" s="19"/>
      <c r="U390" s="19"/>
      <c r="AP390" s="80"/>
    </row>
    <row r="391" spans="1:42" ht="18" customHeight="1" x14ac:dyDescent="0.4">
      <c r="A391" s="473" t="s">
        <v>1007</v>
      </c>
      <c r="B391" s="12"/>
      <c r="C391" s="13"/>
      <c r="D391" s="13"/>
      <c r="E391" s="13"/>
      <c r="F391" s="13"/>
      <c r="G391" s="13"/>
      <c r="H391" s="13"/>
      <c r="I391" s="13"/>
      <c r="J391" s="13"/>
      <c r="K391" s="13"/>
      <c r="L391" s="13"/>
      <c r="M391" s="13"/>
      <c r="N391" s="13"/>
      <c r="O391" s="13"/>
      <c r="P391" s="13"/>
      <c r="Q391" s="13"/>
      <c r="R391" s="13"/>
      <c r="S391" s="13"/>
      <c r="T391" s="13"/>
      <c r="U391" s="13"/>
      <c r="V391" s="13"/>
      <c r="W391" s="13"/>
      <c r="X391" s="13"/>
      <c r="Y391" s="13"/>
      <c r="Z391" s="13"/>
      <c r="AA391" s="13"/>
      <c r="AB391" s="13"/>
      <c r="AC391" s="13"/>
      <c r="AD391" s="13"/>
      <c r="AE391" s="13"/>
      <c r="AF391" s="13"/>
      <c r="AG391" s="13"/>
      <c r="AH391" s="13"/>
      <c r="AI391" s="13"/>
      <c r="AJ391" s="13"/>
      <c r="AK391" s="13"/>
      <c r="AL391" s="13"/>
      <c r="AM391" s="13"/>
      <c r="AN391" s="13"/>
      <c r="AO391" s="13"/>
      <c r="AP391" s="80"/>
    </row>
    <row r="392" spans="1:42" ht="18" customHeight="1" x14ac:dyDescent="0.4">
      <c r="A392" s="474"/>
      <c r="B392" s="80"/>
      <c r="C392" s="540" t="s">
        <v>830</v>
      </c>
      <c r="D392" s="541"/>
      <c r="E392" s="541"/>
      <c r="F392" s="541"/>
      <c r="G392" s="541"/>
      <c r="H392" s="542"/>
      <c r="I392" s="540" t="s">
        <v>831</v>
      </c>
      <c r="J392" s="541"/>
      <c r="K392" s="541"/>
      <c r="L392" s="541"/>
      <c r="M392" s="541"/>
      <c r="N392" s="542"/>
      <c r="O392" s="540" t="s">
        <v>832</v>
      </c>
      <c r="P392" s="541"/>
      <c r="Q392" s="541"/>
      <c r="R392" s="541"/>
      <c r="S392" s="541"/>
      <c r="T392" s="542"/>
      <c r="AP392" s="80"/>
    </row>
    <row r="393" spans="1:42" ht="18" customHeight="1" x14ac:dyDescent="0.4">
      <c r="A393" s="474"/>
      <c r="B393" s="80"/>
      <c r="C393" s="713" t="s">
        <v>833</v>
      </c>
      <c r="D393" s="714"/>
      <c r="E393" s="714"/>
      <c r="F393" s="714"/>
      <c r="G393" s="714"/>
      <c r="H393" s="715"/>
      <c r="I393" s="713" t="s">
        <v>834</v>
      </c>
      <c r="J393" s="714"/>
      <c r="K393" s="714"/>
      <c r="L393" s="714"/>
      <c r="M393" s="714"/>
      <c r="N393" s="715"/>
      <c r="O393" s="713" t="s">
        <v>835</v>
      </c>
      <c r="P393" s="714"/>
      <c r="Q393" s="714"/>
      <c r="R393" s="714"/>
      <c r="S393" s="714"/>
      <c r="T393" s="715"/>
      <c r="AP393" s="80"/>
    </row>
    <row r="394" spans="1:42" ht="18" customHeight="1" x14ac:dyDescent="0.4">
      <c r="A394" s="477"/>
      <c r="B394" s="18"/>
      <c r="C394" s="19"/>
      <c r="D394" s="19"/>
      <c r="E394" s="19"/>
      <c r="F394" s="19"/>
      <c r="G394" s="19"/>
      <c r="H394" s="19"/>
      <c r="I394" s="19"/>
      <c r="J394" s="19"/>
      <c r="K394" s="19"/>
      <c r="L394" s="19"/>
      <c r="M394" s="19"/>
      <c r="N394" s="19"/>
      <c r="O394" s="19"/>
      <c r="P394" s="19"/>
      <c r="Q394" s="19"/>
      <c r="R394" s="19"/>
      <c r="S394" s="19"/>
      <c r="T394" s="19"/>
      <c r="U394" s="19"/>
      <c r="V394" s="19"/>
      <c r="W394" s="19"/>
      <c r="X394" s="19"/>
      <c r="Y394" s="19"/>
      <c r="Z394" s="19"/>
      <c r="AA394" s="19"/>
      <c r="AB394" s="19"/>
      <c r="AC394" s="19"/>
      <c r="AD394" s="19"/>
      <c r="AE394" s="19"/>
      <c r="AF394" s="19"/>
      <c r="AG394" s="19"/>
      <c r="AH394" s="19"/>
      <c r="AI394" s="19"/>
      <c r="AJ394" s="19"/>
      <c r="AK394" s="19"/>
      <c r="AL394" s="19"/>
      <c r="AM394" s="19"/>
      <c r="AN394" s="19"/>
      <c r="AO394" s="19"/>
      <c r="AP394" s="80"/>
    </row>
    <row r="395" spans="1:42" ht="18" customHeight="1" x14ac:dyDescent="0.4">
      <c r="A395" s="492" t="s">
        <v>1006</v>
      </c>
      <c r="B395" s="12"/>
      <c r="C395" s="13"/>
      <c r="D395" s="13"/>
      <c r="E395" s="13"/>
      <c r="F395" s="13"/>
      <c r="G395" s="13"/>
      <c r="H395" s="13"/>
      <c r="I395" s="13"/>
      <c r="J395" s="13"/>
      <c r="K395" s="13"/>
      <c r="L395" s="13"/>
      <c r="M395" s="13"/>
      <c r="N395" s="13"/>
      <c r="O395" s="13"/>
      <c r="P395" s="13"/>
      <c r="Q395" s="13"/>
      <c r="R395" s="13"/>
      <c r="S395" s="13"/>
      <c r="T395" s="13"/>
      <c r="U395" s="13"/>
      <c r="V395" s="13"/>
      <c r="W395" s="13"/>
      <c r="X395" s="13"/>
      <c r="Y395" s="13"/>
      <c r="Z395" s="13"/>
      <c r="AA395" s="13"/>
      <c r="AB395" s="13"/>
      <c r="AC395" s="13"/>
      <c r="AD395" s="13"/>
      <c r="AE395" s="13"/>
      <c r="AF395" s="13"/>
      <c r="AG395" s="13"/>
      <c r="AH395" s="13"/>
      <c r="AI395" s="13"/>
      <c r="AJ395" s="13"/>
      <c r="AK395" s="13"/>
      <c r="AL395" s="13"/>
      <c r="AM395" s="13"/>
      <c r="AN395" s="13"/>
      <c r="AO395" s="13"/>
      <c r="AP395" s="80"/>
    </row>
    <row r="396" spans="1:42" ht="18" customHeight="1" x14ac:dyDescent="0.4">
      <c r="A396" s="492"/>
      <c r="B396" s="80"/>
      <c r="C396" s="209" t="s">
        <v>1212</v>
      </c>
      <c r="D396" s="19"/>
      <c r="E396" s="19"/>
      <c r="F396" s="19"/>
      <c r="G396" s="19"/>
      <c r="H396" s="19"/>
      <c r="I396" s="19"/>
      <c r="J396" s="19"/>
      <c r="K396" s="19"/>
      <c r="L396" s="19"/>
      <c r="M396" s="19"/>
      <c r="N396" s="19"/>
      <c r="O396" s="19"/>
      <c r="P396" s="19"/>
      <c r="Q396" s="19"/>
      <c r="R396" s="19"/>
      <c r="S396" s="19"/>
      <c r="T396" s="19"/>
      <c r="AP396" s="80"/>
    </row>
    <row r="397" spans="1:42" ht="30" customHeight="1" x14ac:dyDescent="0.4">
      <c r="A397" s="492"/>
      <c r="B397" s="80"/>
      <c r="C397" s="705" t="s">
        <v>836</v>
      </c>
      <c r="D397" s="706"/>
      <c r="E397" s="706"/>
      <c r="F397" s="706"/>
      <c r="G397" s="706"/>
      <c r="H397" s="706"/>
      <c r="I397" s="706"/>
      <c r="J397" s="706"/>
      <c r="K397" s="706"/>
      <c r="L397" s="706"/>
      <c r="M397" s="706"/>
      <c r="N397" s="706"/>
      <c r="O397" s="706"/>
      <c r="P397" s="706"/>
      <c r="Q397" s="707"/>
      <c r="R397" s="711" t="s">
        <v>837</v>
      </c>
      <c r="S397" s="711"/>
      <c r="T397" s="711"/>
      <c r="U397" s="711"/>
      <c r="AP397" s="80"/>
    </row>
    <row r="398" spans="1:42" ht="30" customHeight="1" x14ac:dyDescent="0.4">
      <c r="A398" s="492"/>
      <c r="B398" s="80"/>
      <c r="C398" s="703" t="s">
        <v>838</v>
      </c>
      <c r="D398" s="708" t="s">
        <v>839</v>
      </c>
      <c r="E398" s="709"/>
      <c r="F398" s="709"/>
      <c r="G398" s="709"/>
      <c r="H398" s="709"/>
      <c r="I398" s="709"/>
      <c r="J398" s="709"/>
      <c r="K398" s="709"/>
      <c r="L398" s="709"/>
      <c r="M398" s="709"/>
      <c r="N398" s="709"/>
      <c r="O398" s="709"/>
      <c r="P398" s="709"/>
      <c r="Q398" s="710"/>
      <c r="R398" s="712" t="s">
        <v>840</v>
      </c>
      <c r="S398" s="712"/>
      <c r="T398" s="712"/>
      <c r="U398" s="712"/>
      <c r="AP398" s="80"/>
    </row>
    <row r="399" spans="1:42" ht="30" customHeight="1" x14ac:dyDescent="0.4">
      <c r="A399" s="492"/>
      <c r="B399" s="80"/>
      <c r="C399" s="704"/>
      <c r="D399" s="705" t="s">
        <v>841</v>
      </c>
      <c r="E399" s="706"/>
      <c r="F399" s="706"/>
      <c r="G399" s="706"/>
      <c r="H399" s="706"/>
      <c r="I399" s="706"/>
      <c r="J399" s="706"/>
      <c r="K399" s="706"/>
      <c r="L399" s="706"/>
      <c r="M399" s="706"/>
      <c r="N399" s="706"/>
      <c r="O399" s="706"/>
      <c r="P399" s="706"/>
      <c r="Q399" s="707"/>
      <c r="R399" s="712" t="s">
        <v>840</v>
      </c>
      <c r="S399" s="712"/>
      <c r="T399" s="712"/>
      <c r="U399" s="712"/>
      <c r="AP399" s="80"/>
    </row>
    <row r="400" spans="1:42" ht="18" customHeight="1" x14ac:dyDescent="0.4">
      <c r="A400" s="492"/>
      <c r="B400" s="80"/>
      <c r="C400" s="138" t="s">
        <v>842</v>
      </c>
      <c r="D400" s="138"/>
      <c r="E400" s="138"/>
      <c r="F400" s="138"/>
      <c r="G400" s="138"/>
      <c r="H400" s="138"/>
      <c r="I400" s="138"/>
      <c r="J400" s="138"/>
      <c r="K400" s="138"/>
      <c r="L400" s="138"/>
      <c r="M400" s="138"/>
      <c r="N400" s="138"/>
      <c r="O400" s="138"/>
      <c r="P400" s="138"/>
      <c r="Q400" s="138"/>
      <c r="R400" s="138"/>
      <c r="S400" s="138"/>
      <c r="T400" s="138"/>
      <c r="U400" s="138"/>
      <c r="AP400" s="80"/>
    </row>
    <row r="401" spans="1:42" ht="30" customHeight="1" x14ac:dyDescent="0.4">
      <c r="A401" s="492"/>
      <c r="B401" s="80"/>
      <c r="C401" s="569" t="s">
        <v>843</v>
      </c>
      <c r="D401" s="569"/>
      <c r="E401" s="569"/>
      <c r="F401" s="569"/>
      <c r="G401" s="721" t="s">
        <v>844</v>
      </c>
      <c r="H401" s="721"/>
      <c r="I401" s="721"/>
      <c r="J401" s="721"/>
      <c r="K401" s="721"/>
      <c r="L401" s="721"/>
      <c r="M401" s="563" t="s">
        <v>845</v>
      </c>
      <c r="N401" s="564"/>
      <c r="O401" s="564"/>
      <c r="P401" s="565"/>
      <c r="Q401" s="563" t="s">
        <v>846</v>
      </c>
      <c r="R401" s="564"/>
      <c r="S401" s="564"/>
      <c r="T401" s="564"/>
      <c r="U401" s="565"/>
      <c r="AP401" s="80"/>
    </row>
    <row r="402" spans="1:42" ht="18" customHeight="1" x14ac:dyDescent="0.4">
      <c r="A402" s="492"/>
      <c r="B402" s="80"/>
      <c r="C402" s="563" t="s">
        <v>847</v>
      </c>
      <c r="D402" s="564"/>
      <c r="E402" s="564"/>
      <c r="F402" s="565"/>
      <c r="G402" s="563"/>
      <c r="H402" s="564"/>
      <c r="I402" s="564"/>
      <c r="J402" s="564"/>
      <c r="K402" s="564"/>
      <c r="L402" s="565"/>
      <c r="M402" s="563" t="s">
        <v>847</v>
      </c>
      <c r="N402" s="564"/>
      <c r="O402" s="564"/>
      <c r="P402" s="565"/>
      <c r="Q402" s="563" t="s">
        <v>848</v>
      </c>
      <c r="R402" s="564"/>
      <c r="S402" s="564"/>
      <c r="T402" s="564"/>
      <c r="U402" s="565"/>
      <c r="AP402" s="80"/>
    </row>
    <row r="403" spans="1:42" ht="18" customHeight="1" x14ac:dyDescent="0.4">
      <c r="A403" s="492"/>
      <c r="B403" s="80"/>
      <c r="C403" s="563" t="s">
        <v>847</v>
      </c>
      <c r="D403" s="564"/>
      <c r="E403" s="564"/>
      <c r="F403" s="565"/>
      <c r="G403" s="563"/>
      <c r="H403" s="564"/>
      <c r="I403" s="564"/>
      <c r="J403" s="564"/>
      <c r="K403" s="564"/>
      <c r="L403" s="565"/>
      <c r="M403" s="563" t="s">
        <v>847</v>
      </c>
      <c r="N403" s="564"/>
      <c r="O403" s="564"/>
      <c r="P403" s="565"/>
      <c r="Q403" s="563" t="s">
        <v>848</v>
      </c>
      <c r="R403" s="564"/>
      <c r="S403" s="564"/>
      <c r="T403" s="564"/>
      <c r="U403" s="565"/>
      <c r="AP403" s="80"/>
    </row>
    <row r="404" spans="1:42" ht="18" customHeight="1" x14ac:dyDescent="0.4">
      <c r="A404" s="492"/>
      <c r="B404" s="80"/>
      <c r="C404" s="563" t="s">
        <v>847</v>
      </c>
      <c r="D404" s="564"/>
      <c r="E404" s="564"/>
      <c r="F404" s="565"/>
      <c r="G404" s="563"/>
      <c r="H404" s="564"/>
      <c r="I404" s="564"/>
      <c r="J404" s="564"/>
      <c r="K404" s="564"/>
      <c r="L404" s="565"/>
      <c r="M404" s="563" t="s">
        <v>847</v>
      </c>
      <c r="N404" s="564"/>
      <c r="O404" s="564"/>
      <c r="P404" s="565"/>
      <c r="Q404" s="563" t="s">
        <v>848</v>
      </c>
      <c r="R404" s="564"/>
      <c r="S404" s="564"/>
      <c r="T404" s="564"/>
      <c r="U404" s="565"/>
      <c r="AP404" s="80"/>
    </row>
    <row r="405" spans="1:42" ht="18" customHeight="1" x14ac:dyDescent="0.4">
      <c r="A405" s="492"/>
      <c r="B405" s="80"/>
      <c r="C405" s="563" t="s">
        <v>847</v>
      </c>
      <c r="D405" s="564"/>
      <c r="E405" s="564"/>
      <c r="F405" s="565"/>
      <c r="G405" s="563"/>
      <c r="H405" s="564"/>
      <c r="I405" s="564"/>
      <c r="J405" s="564"/>
      <c r="K405" s="564"/>
      <c r="L405" s="565"/>
      <c r="M405" s="563" t="s">
        <v>847</v>
      </c>
      <c r="N405" s="564"/>
      <c r="O405" s="564"/>
      <c r="P405" s="565"/>
      <c r="Q405" s="563" t="s">
        <v>848</v>
      </c>
      <c r="R405" s="564"/>
      <c r="S405" s="564"/>
      <c r="T405" s="564"/>
      <c r="U405" s="565"/>
      <c r="AP405" s="80"/>
    </row>
    <row r="406" spans="1:42" ht="18" customHeight="1" x14ac:dyDescent="0.4">
      <c r="A406" s="492"/>
      <c r="B406" s="80"/>
      <c r="C406" s="563" t="s">
        <v>847</v>
      </c>
      <c r="D406" s="564"/>
      <c r="E406" s="564"/>
      <c r="F406" s="565"/>
      <c r="G406" s="563"/>
      <c r="H406" s="564"/>
      <c r="I406" s="564"/>
      <c r="J406" s="564"/>
      <c r="K406" s="564"/>
      <c r="L406" s="565"/>
      <c r="M406" s="563" t="s">
        <v>847</v>
      </c>
      <c r="N406" s="564"/>
      <c r="O406" s="564"/>
      <c r="P406" s="565"/>
      <c r="Q406" s="563" t="s">
        <v>848</v>
      </c>
      <c r="R406" s="564"/>
      <c r="S406" s="564"/>
      <c r="T406" s="564"/>
      <c r="U406" s="565"/>
      <c r="AP406" s="80"/>
    </row>
    <row r="407" spans="1:42" ht="18" customHeight="1" x14ac:dyDescent="0.4">
      <c r="A407" s="492"/>
      <c r="B407" s="80"/>
      <c r="C407" s="563" t="s">
        <v>847</v>
      </c>
      <c r="D407" s="564"/>
      <c r="E407" s="564"/>
      <c r="F407" s="565"/>
      <c r="G407" s="563"/>
      <c r="H407" s="564"/>
      <c r="I407" s="564"/>
      <c r="J407" s="564"/>
      <c r="K407" s="564"/>
      <c r="L407" s="565"/>
      <c r="M407" s="563" t="s">
        <v>847</v>
      </c>
      <c r="N407" s="564"/>
      <c r="O407" s="564"/>
      <c r="P407" s="565"/>
      <c r="Q407" s="563" t="s">
        <v>848</v>
      </c>
      <c r="R407" s="564"/>
      <c r="S407" s="564"/>
      <c r="T407" s="564"/>
      <c r="U407" s="565"/>
      <c r="AP407" s="80"/>
    </row>
    <row r="408" spans="1:42" ht="18" customHeight="1" x14ac:dyDescent="0.4">
      <c r="A408" s="492"/>
      <c r="B408" s="80"/>
      <c r="C408" s="563" t="s">
        <v>847</v>
      </c>
      <c r="D408" s="564"/>
      <c r="E408" s="564"/>
      <c r="F408" s="565"/>
      <c r="G408" s="563"/>
      <c r="H408" s="564"/>
      <c r="I408" s="564"/>
      <c r="J408" s="564"/>
      <c r="K408" s="564"/>
      <c r="L408" s="565"/>
      <c r="M408" s="563" t="s">
        <v>847</v>
      </c>
      <c r="N408" s="564"/>
      <c r="O408" s="564"/>
      <c r="P408" s="565"/>
      <c r="Q408" s="563" t="s">
        <v>848</v>
      </c>
      <c r="R408" s="564"/>
      <c r="S408" s="564"/>
      <c r="T408" s="564"/>
      <c r="U408" s="565"/>
      <c r="AP408" s="80"/>
    </row>
    <row r="409" spans="1:42" ht="18" customHeight="1" x14ac:dyDescent="0.4">
      <c r="A409" s="492"/>
      <c r="B409" s="80"/>
      <c r="C409" s="563" t="s">
        <v>847</v>
      </c>
      <c r="D409" s="564"/>
      <c r="E409" s="564"/>
      <c r="F409" s="565"/>
      <c r="G409" s="563"/>
      <c r="H409" s="564"/>
      <c r="I409" s="564"/>
      <c r="J409" s="564"/>
      <c r="K409" s="564"/>
      <c r="L409" s="565"/>
      <c r="M409" s="563" t="s">
        <v>847</v>
      </c>
      <c r="N409" s="564"/>
      <c r="O409" s="564"/>
      <c r="P409" s="565"/>
      <c r="Q409" s="563" t="s">
        <v>848</v>
      </c>
      <c r="R409" s="564"/>
      <c r="S409" s="564"/>
      <c r="T409" s="564"/>
      <c r="U409" s="565"/>
      <c r="AP409" s="80"/>
    </row>
    <row r="410" spans="1:42" ht="18" customHeight="1" x14ac:dyDescent="0.4">
      <c r="A410" s="492"/>
      <c r="B410" s="18"/>
      <c r="C410" s="19"/>
      <c r="D410" s="19"/>
      <c r="E410" s="19"/>
      <c r="F410" s="19"/>
      <c r="G410" s="19"/>
      <c r="H410" s="19"/>
      <c r="I410" s="19"/>
      <c r="J410" s="19"/>
      <c r="K410" s="19"/>
      <c r="L410" s="19"/>
      <c r="M410" s="19"/>
      <c r="N410" s="19"/>
      <c r="O410" s="19"/>
      <c r="P410" s="19"/>
      <c r="Q410" s="19"/>
      <c r="R410" s="19"/>
      <c r="S410" s="19"/>
      <c r="T410" s="19"/>
      <c r="U410" s="19"/>
      <c r="V410" s="19"/>
      <c r="W410" s="19"/>
      <c r="X410" s="19"/>
      <c r="Y410" s="19"/>
      <c r="Z410" s="19"/>
      <c r="AA410" s="19"/>
      <c r="AB410" s="19"/>
      <c r="AC410" s="19"/>
      <c r="AD410" s="19"/>
      <c r="AE410" s="19"/>
      <c r="AF410" s="19"/>
      <c r="AG410" s="19"/>
      <c r="AH410" s="19"/>
      <c r="AI410" s="19"/>
      <c r="AJ410" s="19"/>
      <c r="AK410" s="19"/>
      <c r="AL410" s="19"/>
      <c r="AM410" s="19"/>
      <c r="AN410" s="19"/>
      <c r="AO410" s="19"/>
      <c r="AP410" s="80"/>
    </row>
    <row r="411" spans="1:42" ht="18" customHeight="1" x14ac:dyDescent="0.4">
      <c r="A411" s="492" t="s">
        <v>849</v>
      </c>
      <c r="B411" s="12"/>
      <c r="C411" s="13"/>
      <c r="D411" s="13"/>
      <c r="E411" s="13"/>
      <c r="F411" s="13"/>
      <c r="G411" s="13"/>
      <c r="H411" s="13"/>
      <c r="I411" s="13"/>
      <c r="J411" s="13"/>
      <c r="K411" s="13"/>
      <c r="L411" s="13"/>
      <c r="M411" s="13"/>
      <c r="N411" s="13"/>
      <c r="O411" s="13"/>
      <c r="P411" s="13"/>
      <c r="Q411" s="13"/>
      <c r="R411" s="13"/>
      <c r="S411" s="13"/>
      <c r="T411" s="13"/>
      <c r="U411" s="13"/>
      <c r="V411" s="13"/>
      <c r="W411" s="13"/>
      <c r="X411" s="13"/>
      <c r="Y411" s="13"/>
      <c r="Z411" s="13"/>
      <c r="AA411" s="13"/>
      <c r="AB411" s="13"/>
      <c r="AC411" s="13"/>
      <c r="AD411" s="13"/>
      <c r="AE411" s="13"/>
      <c r="AF411" s="13"/>
      <c r="AG411" s="13"/>
      <c r="AH411" s="13"/>
      <c r="AI411" s="13"/>
      <c r="AJ411" s="13"/>
      <c r="AK411" s="13"/>
      <c r="AL411" s="13"/>
      <c r="AM411" s="13"/>
      <c r="AN411" s="13"/>
      <c r="AO411" s="13"/>
      <c r="AP411" s="80"/>
    </row>
    <row r="412" spans="1:42" ht="18" customHeight="1" x14ac:dyDescent="0.4">
      <c r="A412" s="492"/>
      <c r="B412" s="80"/>
      <c r="C412" s="730" t="s">
        <v>850</v>
      </c>
      <c r="D412" s="730"/>
      <c r="E412" s="730"/>
      <c r="F412" s="730"/>
      <c r="G412" s="730"/>
      <c r="H412" s="295" t="s">
        <v>851</v>
      </c>
      <c r="I412" s="295"/>
      <c r="J412" s="295"/>
      <c r="K412" s="295"/>
      <c r="L412" s="295"/>
      <c r="M412" s="295" t="s">
        <v>852</v>
      </c>
      <c r="N412" s="295"/>
      <c r="O412" s="295"/>
      <c r="P412" s="295"/>
      <c r="Q412" s="295"/>
      <c r="R412" s="295" t="s">
        <v>853</v>
      </c>
      <c r="S412" s="295"/>
      <c r="T412" s="295"/>
      <c r="U412" s="295"/>
      <c r="V412" s="295"/>
      <c r="W412" s="295"/>
      <c r="X412" s="80"/>
      <c r="AP412" s="80"/>
    </row>
    <row r="413" spans="1:42" ht="18" customHeight="1" x14ac:dyDescent="0.4">
      <c r="A413" s="492"/>
      <c r="B413" s="80"/>
      <c r="C413" s="545" t="s">
        <v>585</v>
      </c>
      <c r="D413" s="545"/>
      <c r="E413" s="545"/>
      <c r="F413" s="545"/>
      <c r="G413" s="545"/>
      <c r="H413" s="295"/>
      <c r="I413" s="295"/>
      <c r="J413" s="295"/>
      <c r="K413" s="295"/>
      <c r="L413" s="295"/>
      <c r="M413" s="295"/>
      <c r="N413" s="295"/>
      <c r="O413" s="295"/>
      <c r="P413" s="295"/>
      <c r="Q413" s="295"/>
      <c r="R413" s="295"/>
      <c r="S413" s="295"/>
      <c r="T413" s="295"/>
      <c r="U413" s="295"/>
      <c r="V413" s="295"/>
      <c r="W413" s="295"/>
      <c r="X413" s="80"/>
      <c r="AP413" s="80"/>
    </row>
    <row r="414" spans="1:42" ht="18" customHeight="1" x14ac:dyDescent="0.4">
      <c r="A414" s="492"/>
      <c r="B414" s="80"/>
      <c r="C414" s="545" t="s">
        <v>585</v>
      </c>
      <c r="D414" s="545"/>
      <c r="E414" s="545"/>
      <c r="F414" s="545"/>
      <c r="G414" s="545"/>
      <c r="H414" s="295"/>
      <c r="I414" s="295"/>
      <c r="J414" s="295"/>
      <c r="K414" s="295"/>
      <c r="L414" s="295"/>
      <c r="M414" s="295"/>
      <c r="N414" s="295"/>
      <c r="O414" s="295"/>
      <c r="P414" s="295"/>
      <c r="Q414" s="295"/>
      <c r="R414" s="295"/>
      <c r="S414" s="295"/>
      <c r="T414" s="295"/>
      <c r="U414" s="295"/>
      <c r="V414" s="295"/>
      <c r="W414" s="295"/>
      <c r="AP414" s="80"/>
    </row>
    <row r="415" spans="1:42" ht="18" customHeight="1" x14ac:dyDescent="0.4">
      <c r="A415" s="492"/>
      <c r="B415" s="80"/>
      <c r="C415" s="545" t="s">
        <v>585</v>
      </c>
      <c r="D415" s="545"/>
      <c r="E415" s="545"/>
      <c r="F415" s="545"/>
      <c r="G415" s="545"/>
      <c r="H415" s="295"/>
      <c r="I415" s="295"/>
      <c r="J415" s="295"/>
      <c r="K415" s="295"/>
      <c r="L415" s="295"/>
      <c r="M415" s="295"/>
      <c r="N415" s="295"/>
      <c r="O415" s="295"/>
      <c r="P415" s="295"/>
      <c r="Q415" s="295"/>
      <c r="R415" s="295"/>
      <c r="S415" s="295"/>
      <c r="T415" s="295"/>
      <c r="U415" s="295"/>
      <c r="V415" s="295"/>
      <c r="W415" s="295"/>
      <c r="AP415" s="80"/>
    </row>
    <row r="416" spans="1:42" ht="18" customHeight="1" x14ac:dyDescent="0.4">
      <c r="A416" s="492"/>
      <c r="B416" s="18"/>
      <c r="C416" s="19"/>
      <c r="D416" s="19"/>
      <c r="E416" s="19"/>
      <c r="F416" s="19"/>
      <c r="G416" s="19"/>
      <c r="H416" s="19"/>
      <c r="I416" s="19"/>
      <c r="J416" s="19"/>
      <c r="K416" s="19"/>
      <c r="L416" s="19"/>
      <c r="M416" s="19"/>
      <c r="N416" s="19"/>
      <c r="O416" s="19"/>
      <c r="P416" s="19"/>
      <c r="Q416" s="19"/>
      <c r="R416" s="19"/>
      <c r="S416" s="19"/>
      <c r="T416" s="19"/>
      <c r="U416" s="19"/>
      <c r="V416" s="19"/>
      <c r="W416" s="19"/>
      <c r="X416" s="19"/>
      <c r="Y416" s="19"/>
      <c r="Z416" s="19"/>
      <c r="AA416" s="19"/>
      <c r="AB416" s="19"/>
      <c r="AC416" s="19"/>
      <c r="AD416" s="19"/>
      <c r="AE416" s="19"/>
      <c r="AF416" s="19"/>
      <c r="AG416" s="19"/>
      <c r="AH416" s="19"/>
      <c r="AI416" s="19"/>
      <c r="AJ416" s="19"/>
      <c r="AK416" s="19"/>
      <c r="AL416" s="19"/>
      <c r="AM416" s="19"/>
      <c r="AN416" s="19"/>
      <c r="AO416" s="19"/>
      <c r="AP416" s="80"/>
    </row>
    <row r="417" spans="1:42" ht="18" customHeight="1" x14ac:dyDescent="0.4">
      <c r="A417" s="492" t="s">
        <v>1008</v>
      </c>
      <c r="B417" s="12"/>
      <c r="C417" s="13"/>
      <c r="D417" s="13"/>
      <c r="E417" s="13"/>
      <c r="F417" s="13"/>
      <c r="G417" s="13"/>
      <c r="H417" s="13"/>
      <c r="I417" s="13"/>
      <c r="J417" s="13"/>
      <c r="K417" s="13"/>
      <c r="L417" s="13"/>
      <c r="M417" s="13"/>
      <c r="N417" s="13"/>
      <c r="O417" s="13"/>
      <c r="P417" s="13"/>
      <c r="Q417" s="13"/>
      <c r="R417" s="13"/>
      <c r="S417" s="13"/>
      <c r="T417" s="13"/>
      <c r="U417" s="13"/>
      <c r="V417" s="13"/>
      <c r="W417" s="13"/>
      <c r="X417" s="13"/>
      <c r="Y417" s="13"/>
      <c r="Z417" s="13"/>
      <c r="AA417" s="13"/>
      <c r="AB417" s="13"/>
      <c r="AC417" s="13"/>
      <c r="AD417" s="13"/>
      <c r="AE417" s="13"/>
      <c r="AF417" s="13"/>
      <c r="AG417" s="13"/>
      <c r="AH417" s="13"/>
      <c r="AI417" s="13"/>
      <c r="AJ417" s="13"/>
      <c r="AK417" s="13"/>
      <c r="AL417" s="13"/>
      <c r="AM417" s="13"/>
      <c r="AN417" s="13"/>
      <c r="AO417" s="13"/>
      <c r="AP417" s="80"/>
    </row>
    <row r="418" spans="1:42" ht="30" customHeight="1" x14ac:dyDescent="0.4">
      <c r="A418" s="492"/>
      <c r="B418" s="80"/>
      <c r="C418" s="493" t="s">
        <v>854</v>
      </c>
      <c r="D418" s="494"/>
      <c r="E418" s="494"/>
      <c r="F418" s="494"/>
      <c r="G418" s="494"/>
      <c r="H418" s="495"/>
      <c r="I418" s="496" t="s">
        <v>855</v>
      </c>
      <c r="J418" s="497"/>
      <c r="K418" s="497"/>
      <c r="L418" s="498"/>
      <c r="M418" s="496" t="s">
        <v>856</v>
      </c>
      <c r="N418" s="497"/>
      <c r="O418" s="497"/>
      <c r="P418" s="498"/>
      <c r="Q418" s="496" t="s">
        <v>857</v>
      </c>
      <c r="R418" s="497"/>
      <c r="S418" s="497"/>
      <c r="T418" s="497"/>
      <c r="U418" s="498"/>
      <c r="V418" s="496" t="s">
        <v>858</v>
      </c>
      <c r="W418" s="497"/>
      <c r="X418" s="498"/>
      <c r="Y418" s="493" t="s">
        <v>859</v>
      </c>
      <c r="Z418" s="494"/>
      <c r="AA418" s="494"/>
      <c r="AB418" s="495"/>
      <c r="AC418" s="493" t="s">
        <v>860</v>
      </c>
      <c r="AD418" s="494"/>
      <c r="AE418" s="494"/>
      <c r="AF418" s="495"/>
      <c r="AG418" s="80"/>
      <c r="AP418" s="80"/>
    </row>
    <row r="419" spans="1:42" ht="30" customHeight="1" x14ac:dyDescent="0.4">
      <c r="A419" s="492"/>
      <c r="B419" s="80"/>
      <c r="C419" s="493"/>
      <c r="D419" s="494"/>
      <c r="E419" s="494"/>
      <c r="F419" s="494"/>
      <c r="G419" s="494"/>
      <c r="H419" s="495"/>
      <c r="I419" s="493"/>
      <c r="J419" s="494"/>
      <c r="K419" s="494"/>
      <c r="L419" s="495"/>
      <c r="M419" s="493"/>
      <c r="N419" s="494"/>
      <c r="O419" s="494"/>
      <c r="P419" s="495"/>
      <c r="Q419" s="493"/>
      <c r="R419" s="494"/>
      <c r="S419" s="494"/>
      <c r="T419" s="494"/>
      <c r="U419" s="495"/>
      <c r="V419" s="519" t="s">
        <v>552</v>
      </c>
      <c r="W419" s="520"/>
      <c r="X419" s="521"/>
      <c r="Y419" s="522" t="s">
        <v>676</v>
      </c>
      <c r="Z419" s="523"/>
      <c r="AA419" s="523"/>
      <c r="AB419" s="524"/>
      <c r="AC419" s="499" t="s">
        <v>861</v>
      </c>
      <c r="AD419" s="500"/>
      <c r="AE419" s="500"/>
      <c r="AF419" s="501"/>
      <c r="AG419" s="80"/>
      <c r="AP419" s="80"/>
    </row>
    <row r="420" spans="1:42" ht="30" customHeight="1" x14ac:dyDescent="0.4">
      <c r="A420" s="492"/>
      <c r="B420" s="80"/>
      <c r="C420" s="493"/>
      <c r="D420" s="494"/>
      <c r="E420" s="494"/>
      <c r="F420" s="494"/>
      <c r="G420" s="494"/>
      <c r="H420" s="495"/>
      <c r="I420" s="493"/>
      <c r="J420" s="494"/>
      <c r="K420" s="494"/>
      <c r="L420" s="495"/>
      <c r="M420" s="493"/>
      <c r="N420" s="494"/>
      <c r="O420" s="494"/>
      <c r="P420" s="495"/>
      <c r="Q420" s="493"/>
      <c r="R420" s="494"/>
      <c r="S420" s="494"/>
      <c r="T420" s="494"/>
      <c r="U420" s="495"/>
      <c r="V420" s="519" t="s">
        <v>552</v>
      </c>
      <c r="W420" s="520"/>
      <c r="X420" s="521"/>
      <c r="Y420" s="522" t="s">
        <v>676</v>
      </c>
      <c r="Z420" s="523"/>
      <c r="AA420" s="523"/>
      <c r="AB420" s="524"/>
      <c r="AC420" s="499" t="s">
        <v>861</v>
      </c>
      <c r="AD420" s="500"/>
      <c r="AE420" s="500"/>
      <c r="AF420" s="501"/>
      <c r="AG420" s="80"/>
      <c r="AP420" s="80"/>
    </row>
    <row r="421" spans="1:42" ht="18" customHeight="1" x14ac:dyDescent="0.4">
      <c r="A421" s="492"/>
      <c r="B421" s="18"/>
      <c r="C421" s="19"/>
      <c r="D421" s="19"/>
      <c r="E421" s="19"/>
      <c r="F421" s="19"/>
      <c r="G421" s="19"/>
      <c r="H421" s="19"/>
      <c r="I421" s="19"/>
      <c r="J421" s="19"/>
      <c r="K421" s="19"/>
      <c r="L421" s="19"/>
      <c r="M421" s="19"/>
      <c r="N421" s="19"/>
      <c r="O421" s="19"/>
      <c r="P421" s="19"/>
      <c r="Q421" s="19"/>
      <c r="R421" s="19"/>
      <c r="S421" s="19"/>
      <c r="T421" s="19"/>
      <c r="U421" s="19"/>
      <c r="V421" s="19"/>
      <c r="W421" s="19"/>
      <c r="X421" s="19"/>
      <c r="Y421" s="19"/>
      <c r="Z421" s="19"/>
      <c r="AA421" s="19"/>
      <c r="AB421" s="19"/>
      <c r="AC421" s="19"/>
      <c r="AD421" s="19"/>
      <c r="AE421" s="19"/>
      <c r="AF421" s="19"/>
      <c r="AG421" s="19"/>
      <c r="AH421" s="19"/>
      <c r="AI421" s="19"/>
      <c r="AJ421" s="19"/>
      <c r="AK421" s="19"/>
      <c r="AL421" s="19"/>
      <c r="AM421" s="19"/>
      <c r="AN421" s="19"/>
      <c r="AO421" s="19"/>
      <c r="AP421" s="80"/>
    </row>
    <row r="422" spans="1:42" ht="18" customHeight="1" x14ac:dyDescent="0.4">
      <c r="A422" s="492" t="s">
        <v>1009</v>
      </c>
      <c r="B422" s="12"/>
      <c r="C422" s="13"/>
      <c r="D422" s="13"/>
      <c r="E422" s="13"/>
      <c r="F422" s="13"/>
      <c r="G422" s="13"/>
      <c r="H422" s="13"/>
      <c r="I422" s="13"/>
      <c r="J422" s="13"/>
      <c r="K422" s="13"/>
      <c r="L422" s="13"/>
      <c r="M422" s="13"/>
      <c r="N422" s="13"/>
      <c r="O422" s="13"/>
      <c r="P422" s="13"/>
      <c r="Q422" s="13"/>
      <c r="R422" s="13"/>
      <c r="S422" s="13"/>
      <c r="T422" s="13"/>
      <c r="U422" s="13"/>
      <c r="V422" s="13"/>
      <c r="W422" s="13"/>
      <c r="X422" s="13"/>
      <c r="Y422" s="13"/>
      <c r="Z422" s="13"/>
      <c r="AA422" s="13"/>
      <c r="AB422" s="13"/>
      <c r="AC422" s="13"/>
      <c r="AD422" s="13"/>
      <c r="AE422" s="13"/>
      <c r="AF422" s="13"/>
      <c r="AG422" s="13"/>
      <c r="AH422" s="13"/>
      <c r="AI422" s="13"/>
      <c r="AJ422" s="13"/>
      <c r="AK422" s="13"/>
      <c r="AL422" s="13"/>
      <c r="AM422" s="13"/>
      <c r="AN422" s="13"/>
      <c r="AO422" s="13"/>
      <c r="AP422" s="80"/>
    </row>
    <row r="423" spans="1:42" ht="18" customHeight="1" x14ac:dyDescent="0.4">
      <c r="A423" s="492"/>
      <c r="B423" s="80"/>
      <c r="C423" s="402"/>
      <c r="D423" s="403"/>
      <c r="E423" s="403"/>
      <c r="F423" s="403"/>
      <c r="G423" s="403"/>
      <c r="H423" s="403"/>
      <c r="I423" s="403"/>
      <c r="J423" s="403"/>
      <c r="K423" s="403"/>
      <c r="L423" s="403"/>
      <c r="M423" s="403"/>
      <c r="N423" s="403"/>
      <c r="O423" s="403"/>
      <c r="P423" s="403"/>
      <c r="Q423" s="403"/>
      <c r="R423" s="403"/>
      <c r="S423" s="403"/>
      <c r="T423" s="403"/>
      <c r="U423" s="404"/>
      <c r="AP423" s="80"/>
    </row>
    <row r="424" spans="1:42" ht="18" customHeight="1" x14ac:dyDescent="0.4">
      <c r="A424" s="492"/>
      <c r="B424" s="80"/>
      <c r="C424" s="487"/>
      <c r="D424" s="488"/>
      <c r="E424" s="488"/>
      <c r="F424" s="488"/>
      <c r="G424" s="488"/>
      <c r="H424" s="488"/>
      <c r="I424" s="488"/>
      <c r="J424" s="488"/>
      <c r="K424" s="488"/>
      <c r="L424" s="488"/>
      <c r="M424" s="488"/>
      <c r="N424" s="488"/>
      <c r="O424" s="488"/>
      <c r="P424" s="488"/>
      <c r="Q424" s="488"/>
      <c r="R424" s="488"/>
      <c r="S424" s="488"/>
      <c r="T424" s="488"/>
      <c r="U424" s="489"/>
      <c r="AP424" s="80"/>
    </row>
    <row r="425" spans="1:42" ht="18" customHeight="1" x14ac:dyDescent="0.4">
      <c r="A425" s="492"/>
      <c r="B425" s="80"/>
      <c r="C425" s="490"/>
      <c r="D425" s="330"/>
      <c r="E425" s="330"/>
      <c r="F425" s="330"/>
      <c r="G425" s="330"/>
      <c r="H425" s="330"/>
      <c r="I425" s="330"/>
      <c r="J425" s="330"/>
      <c r="K425" s="330"/>
      <c r="L425" s="330"/>
      <c r="M425" s="330"/>
      <c r="N425" s="330"/>
      <c r="O425" s="330"/>
      <c r="P425" s="330"/>
      <c r="Q425" s="330"/>
      <c r="R425" s="330"/>
      <c r="S425" s="330"/>
      <c r="T425" s="330"/>
      <c r="U425" s="491"/>
      <c r="AP425" s="80"/>
    </row>
    <row r="426" spans="1:42" ht="18" customHeight="1" x14ac:dyDescent="0.4">
      <c r="A426" s="492"/>
      <c r="B426" s="18"/>
      <c r="C426" s="19"/>
      <c r="D426" s="19"/>
      <c r="E426" s="19"/>
      <c r="F426" s="19"/>
      <c r="G426" s="19"/>
      <c r="H426" s="19"/>
      <c r="I426" s="19"/>
      <c r="J426" s="19"/>
      <c r="K426" s="19"/>
      <c r="L426" s="19"/>
      <c r="M426" s="19"/>
      <c r="N426" s="19"/>
      <c r="O426" s="19"/>
      <c r="P426" s="19"/>
      <c r="Q426" s="19"/>
      <c r="R426" s="19"/>
      <c r="S426" s="19"/>
      <c r="T426" s="19"/>
      <c r="U426" s="19"/>
      <c r="V426" s="19"/>
      <c r="W426" s="19"/>
      <c r="X426" s="19"/>
      <c r="Y426" s="19"/>
      <c r="Z426" s="19"/>
      <c r="AA426" s="19"/>
      <c r="AB426" s="19"/>
      <c r="AC426" s="19"/>
      <c r="AD426" s="19"/>
      <c r="AE426" s="19"/>
      <c r="AF426" s="19"/>
      <c r="AG426" s="19"/>
      <c r="AH426" s="19"/>
      <c r="AI426" s="19"/>
      <c r="AJ426" s="19"/>
      <c r="AK426" s="19"/>
      <c r="AL426" s="19"/>
      <c r="AM426" s="19"/>
      <c r="AN426" s="19"/>
      <c r="AO426" s="19"/>
      <c r="AP426" s="80"/>
    </row>
    <row r="427" spans="1:42" ht="18" customHeight="1" x14ac:dyDescent="0.4">
      <c r="A427" s="473" t="s">
        <v>1010</v>
      </c>
      <c r="B427" s="12"/>
      <c r="C427" s="13"/>
      <c r="D427" s="13"/>
      <c r="E427" s="13"/>
      <c r="F427" s="13"/>
      <c r="G427" s="13"/>
      <c r="H427" s="13"/>
      <c r="I427" s="13"/>
      <c r="J427" s="13"/>
      <c r="K427" s="13"/>
      <c r="L427" s="13"/>
      <c r="M427" s="13"/>
      <c r="N427" s="13"/>
      <c r="O427" s="13"/>
      <c r="P427" s="13"/>
      <c r="Q427" s="13"/>
      <c r="R427" s="13"/>
      <c r="S427" s="13"/>
      <c r="T427" s="13"/>
      <c r="U427" s="13"/>
      <c r="V427" s="13"/>
      <c r="W427" s="13"/>
      <c r="X427" s="13"/>
      <c r="Y427" s="13"/>
      <c r="Z427" s="13"/>
      <c r="AA427" s="13"/>
      <c r="AB427" s="13"/>
      <c r="AC427" s="13"/>
      <c r="AD427" s="13"/>
      <c r="AE427" s="13"/>
      <c r="AF427" s="13"/>
      <c r="AG427" s="13"/>
      <c r="AH427" s="13"/>
      <c r="AI427" s="13"/>
      <c r="AJ427" s="13"/>
      <c r="AK427" s="13"/>
      <c r="AL427" s="13"/>
      <c r="AM427" s="13"/>
      <c r="AN427" s="13"/>
      <c r="AO427" s="13"/>
      <c r="AP427" s="80"/>
    </row>
    <row r="428" spans="1:42" ht="30" customHeight="1" x14ac:dyDescent="0.4">
      <c r="A428" s="474"/>
      <c r="B428" s="80"/>
      <c r="C428" s="493" t="s">
        <v>854</v>
      </c>
      <c r="D428" s="494"/>
      <c r="E428" s="494"/>
      <c r="F428" s="494"/>
      <c r="G428" s="494"/>
      <c r="H428" s="495"/>
      <c r="I428" s="496" t="s">
        <v>855</v>
      </c>
      <c r="J428" s="497"/>
      <c r="K428" s="497"/>
      <c r="L428" s="498"/>
      <c r="M428" s="496" t="s">
        <v>862</v>
      </c>
      <c r="N428" s="497"/>
      <c r="O428" s="497"/>
      <c r="P428" s="497"/>
      <c r="Q428" s="498"/>
      <c r="R428" s="496" t="s">
        <v>857</v>
      </c>
      <c r="S428" s="497"/>
      <c r="T428" s="497"/>
      <c r="U428" s="497"/>
      <c r="V428" s="498"/>
      <c r="W428" s="493" t="s">
        <v>863</v>
      </c>
      <c r="X428" s="494"/>
      <c r="Y428" s="494"/>
      <c r="Z428" s="494"/>
      <c r="AA428" s="495"/>
      <c r="AB428" s="493" t="s">
        <v>864</v>
      </c>
      <c r="AC428" s="494"/>
      <c r="AD428" s="494"/>
      <c r="AE428" s="494"/>
      <c r="AF428" s="495"/>
      <c r="AP428" s="80"/>
    </row>
    <row r="429" spans="1:42" ht="30" customHeight="1" x14ac:dyDescent="0.4">
      <c r="A429" s="474"/>
      <c r="B429" s="80"/>
      <c r="C429" s="493"/>
      <c r="D429" s="494"/>
      <c r="E429" s="494"/>
      <c r="F429" s="494"/>
      <c r="G429" s="494"/>
      <c r="H429" s="495"/>
      <c r="I429" s="493"/>
      <c r="J429" s="494"/>
      <c r="K429" s="494"/>
      <c r="L429" s="495"/>
      <c r="M429" s="493"/>
      <c r="N429" s="494"/>
      <c r="O429" s="494"/>
      <c r="P429" s="494"/>
      <c r="Q429" s="495"/>
      <c r="R429" s="493"/>
      <c r="S429" s="494"/>
      <c r="T429" s="494"/>
      <c r="U429" s="494"/>
      <c r="V429" s="495"/>
      <c r="W429" s="499" t="s">
        <v>865</v>
      </c>
      <c r="X429" s="500"/>
      <c r="Y429" s="500"/>
      <c r="Z429" s="500"/>
      <c r="AA429" s="501"/>
      <c r="AB429" s="499" t="s">
        <v>861</v>
      </c>
      <c r="AC429" s="500"/>
      <c r="AD429" s="500"/>
      <c r="AE429" s="500"/>
      <c r="AF429" s="501"/>
      <c r="AP429" s="80"/>
    </row>
    <row r="430" spans="1:42" ht="18" customHeight="1" x14ac:dyDescent="0.4">
      <c r="A430" s="477"/>
      <c r="B430" s="18"/>
      <c r="C430" s="19"/>
      <c r="D430" s="19"/>
      <c r="E430" s="19"/>
      <c r="F430" s="19"/>
      <c r="G430" s="19"/>
      <c r="H430" s="19"/>
      <c r="I430" s="19"/>
      <c r="J430" s="19"/>
      <c r="K430" s="19"/>
      <c r="L430" s="19"/>
      <c r="M430" s="19"/>
      <c r="N430" s="19"/>
      <c r="O430" s="19"/>
      <c r="P430" s="19"/>
      <c r="Q430" s="19"/>
      <c r="R430" s="19"/>
      <c r="S430" s="19"/>
      <c r="T430" s="19"/>
      <c r="U430" s="19"/>
      <c r="V430" s="19"/>
      <c r="W430" s="19"/>
      <c r="X430" s="19"/>
      <c r="Y430" s="19"/>
      <c r="Z430" s="19"/>
      <c r="AA430" s="19"/>
      <c r="AB430" s="19"/>
      <c r="AC430" s="19"/>
      <c r="AD430" s="19"/>
      <c r="AE430" s="19"/>
      <c r="AF430" s="19"/>
      <c r="AG430" s="19"/>
      <c r="AH430" s="19"/>
      <c r="AI430" s="19"/>
      <c r="AJ430" s="19"/>
      <c r="AK430" s="19"/>
      <c r="AL430" s="19"/>
      <c r="AM430" s="19"/>
      <c r="AN430" s="19"/>
      <c r="AO430" s="19"/>
      <c r="AP430" s="80"/>
    </row>
    <row r="431" spans="1:42" ht="18" customHeight="1" x14ac:dyDescent="0.4">
      <c r="A431" s="492" t="s">
        <v>1011</v>
      </c>
      <c r="B431" s="12"/>
      <c r="C431" s="13"/>
      <c r="D431" s="13"/>
      <c r="E431" s="13"/>
      <c r="F431" s="13"/>
      <c r="G431" s="13"/>
      <c r="H431" s="13"/>
      <c r="I431" s="13"/>
      <c r="J431" s="13"/>
      <c r="K431" s="13"/>
      <c r="L431" s="13"/>
      <c r="M431" s="13"/>
      <c r="N431" s="13"/>
      <c r="O431" s="13"/>
      <c r="P431" s="13"/>
      <c r="Q431" s="13"/>
      <c r="R431" s="13"/>
      <c r="S431" s="13"/>
      <c r="T431" s="13"/>
      <c r="U431" s="13"/>
      <c r="V431" s="13"/>
      <c r="W431" s="13"/>
      <c r="X431" s="13"/>
      <c r="Y431" s="13"/>
      <c r="Z431" s="13"/>
      <c r="AA431" s="13"/>
      <c r="AB431" s="13"/>
      <c r="AC431" s="13"/>
      <c r="AD431" s="13"/>
      <c r="AE431" s="13"/>
      <c r="AF431" s="13"/>
      <c r="AG431" s="13"/>
      <c r="AH431" s="13"/>
      <c r="AI431" s="13"/>
      <c r="AJ431" s="13"/>
      <c r="AK431" s="13"/>
      <c r="AL431" s="13"/>
      <c r="AM431" s="13"/>
      <c r="AN431" s="13"/>
      <c r="AO431" s="13"/>
      <c r="AP431" s="80"/>
    </row>
    <row r="432" spans="1:42" ht="18" customHeight="1" x14ac:dyDescent="0.4">
      <c r="A432" s="492"/>
      <c r="B432" s="80"/>
      <c r="C432" s="478"/>
      <c r="D432" s="479"/>
      <c r="E432" s="479"/>
      <c r="F432" s="479"/>
      <c r="G432" s="479"/>
      <c r="H432" s="479"/>
      <c r="I432" s="479"/>
      <c r="J432" s="479"/>
      <c r="K432" s="479"/>
      <c r="L432" s="479"/>
      <c r="M432" s="479"/>
      <c r="N432" s="479"/>
      <c r="O432" s="479"/>
      <c r="P432" s="479"/>
      <c r="Q432" s="479"/>
      <c r="R432" s="479"/>
      <c r="S432" s="479"/>
      <c r="T432" s="479"/>
      <c r="U432" s="480"/>
      <c r="AP432" s="80"/>
    </row>
    <row r="433" spans="1:42" ht="18" customHeight="1" x14ac:dyDescent="0.4">
      <c r="A433" s="492"/>
      <c r="B433" s="80"/>
      <c r="C433" s="481"/>
      <c r="D433" s="482"/>
      <c r="E433" s="482"/>
      <c r="F433" s="482"/>
      <c r="G433" s="482"/>
      <c r="H433" s="482"/>
      <c r="I433" s="482"/>
      <c r="J433" s="482"/>
      <c r="K433" s="482"/>
      <c r="L433" s="482"/>
      <c r="M433" s="482"/>
      <c r="N433" s="482"/>
      <c r="O433" s="482"/>
      <c r="P433" s="482"/>
      <c r="Q433" s="482"/>
      <c r="R433" s="482"/>
      <c r="S433" s="482"/>
      <c r="T433" s="482"/>
      <c r="U433" s="483"/>
      <c r="AP433" s="80"/>
    </row>
    <row r="434" spans="1:42" ht="18" customHeight="1" x14ac:dyDescent="0.4">
      <c r="A434" s="492"/>
      <c r="B434" s="80"/>
      <c r="C434" s="484"/>
      <c r="D434" s="485"/>
      <c r="E434" s="485"/>
      <c r="F434" s="485"/>
      <c r="G434" s="485"/>
      <c r="H434" s="485"/>
      <c r="I434" s="485"/>
      <c r="J434" s="485"/>
      <c r="K434" s="485"/>
      <c r="L434" s="485"/>
      <c r="M434" s="485"/>
      <c r="N434" s="485"/>
      <c r="O434" s="485"/>
      <c r="P434" s="485"/>
      <c r="Q434" s="485"/>
      <c r="R434" s="485"/>
      <c r="S434" s="485"/>
      <c r="T434" s="485"/>
      <c r="U434" s="486"/>
      <c r="AP434" s="80"/>
    </row>
    <row r="435" spans="1:42" ht="18" customHeight="1" x14ac:dyDescent="0.4">
      <c r="A435" s="492"/>
      <c r="B435" s="18"/>
      <c r="C435" s="19"/>
      <c r="D435" s="19"/>
      <c r="E435" s="19"/>
      <c r="F435" s="19"/>
      <c r="G435" s="19"/>
      <c r="H435" s="19"/>
      <c r="I435" s="19"/>
      <c r="J435" s="19"/>
      <c r="K435" s="19"/>
      <c r="L435" s="19"/>
      <c r="M435" s="19"/>
      <c r="N435" s="19"/>
      <c r="O435" s="19"/>
      <c r="P435" s="19"/>
      <c r="Q435" s="19"/>
      <c r="R435" s="19"/>
      <c r="S435" s="19"/>
      <c r="T435" s="19"/>
      <c r="U435" s="19"/>
      <c r="V435" s="19"/>
      <c r="W435" s="19"/>
      <c r="X435" s="19"/>
      <c r="Y435" s="19"/>
      <c r="Z435" s="19"/>
      <c r="AA435" s="19"/>
      <c r="AB435" s="19"/>
      <c r="AC435" s="19"/>
      <c r="AD435" s="19"/>
      <c r="AE435" s="19"/>
      <c r="AF435" s="19"/>
      <c r="AG435" s="19"/>
      <c r="AH435" s="19"/>
      <c r="AI435" s="19"/>
      <c r="AJ435" s="19"/>
      <c r="AK435" s="19"/>
      <c r="AL435" s="19"/>
      <c r="AM435" s="19"/>
      <c r="AN435" s="19"/>
      <c r="AO435" s="19"/>
      <c r="AP435" s="80"/>
    </row>
    <row r="436" spans="1:42" ht="18" customHeight="1" x14ac:dyDescent="0.4">
      <c r="A436" s="492" t="s">
        <v>866</v>
      </c>
      <c r="B436" s="12"/>
      <c r="C436" s="13"/>
      <c r="D436" s="13"/>
      <c r="E436" s="13"/>
      <c r="F436" s="13"/>
      <c r="G436" s="13"/>
      <c r="H436" s="13"/>
      <c r="I436" s="13"/>
      <c r="J436" s="13"/>
      <c r="K436" s="13"/>
      <c r="L436" s="13"/>
      <c r="M436" s="13"/>
      <c r="N436" s="13"/>
      <c r="O436" s="13"/>
      <c r="P436" s="13"/>
      <c r="Q436" s="13"/>
      <c r="R436" s="13"/>
      <c r="S436" s="13"/>
      <c r="T436" s="13"/>
      <c r="U436" s="13"/>
      <c r="V436" s="13"/>
      <c r="W436" s="13"/>
      <c r="X436" s="13"/>
      <c r="Y436" s="13"/>
      <c r="Z436" s="13"/>
      <c r="AA436" s="13"/>
      <c r="AB436" s="13"/>
      <c r="AC436" s="13"/>
      <c r="AD436" s="13"/>
      <c r="AE436" s="13"/>
      <c r="AF436" s="13"/>
      <c r="AG436" s="13"/>
      <c r="AH436" s="13"/>
      <c r="AI436" s="13"/>
      <c r="AJ436" s="13"/>
      <c r="AK436" s="13"/>
      <c r="AL436" s="13"/>
      <c r="AM436" s="13"/>
      <c r="AN436" s="13"/>
      <c r="AO436" s="13"/>
      <c r="AP436" s="80"/>
    </row>
    <row r="437" spans="1:42" ht="18" customHeight="1" x14ac:dyDescent="0.4">
      <c r="A437" s="492"/>
      <c r="B437" s="80"/>
      <c r="C437" s="19" t="s">
        <v>867</v>
      </c>
      <c r="D437" s="19"/>
      <c r="E437" s="19"/>
      <c r="F437" s="19"/>
      <c r="G437" s="19"/>
      <c r="H437" s="19"/>
      <c r="I437" s="19"/>
      <c r="J437" s="19"/>
      <c r="K437" s="19"/>
      <c r="L437" s="19"/>
      <c r="M437" s="19"/>
      <c r="N437" s="19"/>
      <c r="O437" s="19"/>
      <c r="P437" s="19"/>
      <c r="Q437" s="19"/>
      <c r="R437" s="19"/>
      <c r="S437" s="19"/>
      <c r="T437" s="19"/>
      <c r="U437" s="19"/>
      <c r="V437" s="19"/>
      <c r="W437" s="19"/>
      <c r="X437" s="19"/>
      <c r="AP437" s="80"/>
    </row>
    <row r="438" spans="1:42" ht="18" customHeight="1" x14ac:dyDescent="0.4">
      <c r="A438" s="492"/>
      <c r="B438" s="80"/>
      <c r="C438" s="515" t="s">
        <v>868</v>
      </c>
      <c r="D438" s="516"/>
      <c r="E438" s="516"/>
      <c r="F438" s="517"/>
      <c r="G438" s="465" t="s">
        <v>869</v>
      </c>
      <c r="H438" s="469"/>
      <c r="I438" s="470"/>
      <c r="J438" s="518"/>
      <c r="K438" s="518"/>
      <c r="L438" s="518"/>
      <c r="M438" s="518"/>
      <c r="N438" s="518"/>
      <c r="O438" s="518"/>
      <c r="P438" s="518"/>
      <c r="Q438" s="518"/>
      <c r="R438" s="518"/>
      <c r="S438" s="518"/>
      <c r="T438" s="518"/>
      <c r="U438" s="518"/>
      <c r="V438" s="518"/>
      <c r="W438" s="518"/>
      <c r="X438" s="518"/>
      <c r="AP438" s="80"/>
    </row>
    <row r="439" spans="1:42" ht="18" customHeight="1" x14ac:dyDescent="0.4">
      <c r="A439" s="492"/>
      <c r="B439" s="80"/>
      <c r="C439" s="515" t="s">
        <v>870</v>
      </c>
      <c r="D439" s="516"/>
      <c r="E439" s="516"/>
      <c r="F439" s="517"/>
      <c r="G439" s="465" t="s">
        <v>869</v>
      </c>
      <c r="H439" s="469"/>
      <c r="I439" s="470"/>
      <c r="J439" s="518"/>
      <c r="K439" s="518"/>
      <c r="L439" s="518"/>
      <c r="M439" s="518"/>
      <c r="N439" s="518"/>
      <c r="O439" s="518"/>
      <c r="P439" s="518"/>
      <c r="Q439" s="518"/>
      <c r="R439" s="518"/>
      <c r="S439" s="518"/>
      <c r="T439" s="518"/>
      <c r="U439" s="518"/>
      <c r="V439" s="518"/>
      <c r="W439" s="518"/>
      <c r="X439" s="518"/>
      <c r="AP439" s="80"/>
    </row>
    <row r="440" spans="1:42" ht="18" customHeight="1" x14ac:dyDescent="0.4">
      <c r="A440" s="492"/>
      <c r="B440" s="80"/>
      <c r="C440" s="515" t="s">
        <v>871</v>
      </c>
      <c r="D440" s="516"/>
      <c r="E440" s="516"/>
      <c r="F440" s="517"/>
      <c r="G440" s="465" t="s">
        <v>872</v>
      </c>
      <c r="H440" s="469"/>
      <c r="I440" s="470"/>
      <c r="J440" s="518"/>
      <c r="K440" s="518"/>
      <c r="L440" s="518"/>
      <c r="M440" s="518"/>
      <c r="N440" s="518"/>
      <c r="O440" s="518"/>
      <c r="P440" s="518"/>
      <c r="Q440" s="518"/>
      <c r="R440" s="518"/>
      <c r="S440" s="518"/>
      <c r="T440" s="518"/>
      <c r="U440" s="518"/>
      <c r="V440" s="518"/>
      <c r="W440" s="518"/>
      <c r="X440" s="518"/>
      <c r="AP440" s="80"/>
    </row>
    <row r="441" spans="1:42" ht="18" customHeight="1" x14ac:dyDescent="0.4">
      <c r="A441" s="492"/>
      <c r="B441" s="80"/>
      <c r="C441" s="403" t="s">
        <v>873</v>
      </c>
      <c r="D441" s="403"/>
      <c r="E441" s="403"/>
      <c r="F441" s="403"/>
      <c r="G441" s="403"/>
      <c r="H441" s="403"/>
      <c r="I441" s="403"/>
      <c r="J441" s="403"/>
      <c r="K441" s="403"/>
      <c r="L441" s="403"/>
      <c r="M441" s="403"/>
      <c r="N441" s="403"/>
      <c r="O441" s="403"/>
      <c r="P441" s="403"/>
      <c r="Q441" s="403"/>
      <c r="R441" s="403"/>
      <c r="S441" s="403"/>
      <c r="T441" s="403"/>
      <c r="U441" s="403"/>
      <c r="V441" s="403"/>
      <c r="W441" s="403"/>
      <c r="X441" s="403"/>
      <c r="AP441" s="80"/>
    </row>
    <row r="442" spans="1:42" ht="18" customHeight="1" x14ac:dyDescent="0.4">
      <c r="A442" s="492"/>
      <c r="B442" s="80"/>
      <c r="C442" s="488"/>
      <c r="D442" s="488"/>
      <c r="E442" s="488"/>
      <c r="F442" s="488"/>
      <c r="G442" s="488"/>
      <c r="H442" s="488"/>
      <c r="I442" s="488"/>
      <c r="J442" s="488"/>
      <c r="K442" s="488"/>
      <c r="L442" s="488"/>
      <c r="M442" s="488"/>
      <c r="N442" s="488"/>
      <c r="O442" s="488"/>
      <c r="P442" s="488"/>
      <c r="Q442" s="488"/>
      <c r="R442" s="488"/>
      <c r="S442" s="488"/>
      <c r="T442" s="488"/>
      <c r="U442" s="488"/>
      <c r="V442" s="488"/>
      <c r="W442" s="488"/>
      <c r="X442" s="488"/>
      <c r="AP442" s="80"/>
    </row>
    <row r="443" spans="1:42" ht="18" customHeight="1" x14ac:dyDescent="0.4">
      <c r="A443" s="492"/>
      <c r="B443" s="18"/>
      <c r="C443" s="19"/>
      <c r="D443" s="19"/>
      <c r="E443" s="19"/>
      <c r="F443" s="19"/>
      <c r="G443" s="19"/>
      <c r="H443" s="19"/>
      <c r="I443" s="19"/>
      <c r="J443" s="19"/>
      <c r="K443" s="19"/>
      <c r="L443" s="19"/>
      <c r="M443" s="19"/>
      <c r="N443" s="19"/>
      <c r="O443" s="19"/>
      <c r="P443" s="19"/>
      <c r="Q443" s="19"/>
      <c r="R443" s="19"/>
      <c r="S443" s="19"/>
      <c r="T443" s="19"/>
      <c r="U443" s="19"/>
      <c r="V443" s="19"/>
      <c r="W443" s="19"/>
      <c r="X443" s="19"/>
      <c r="Y443" s="19"/>
      <c r="Z443" s="19"/>
      <c r="AA443" s="19"/>
      <c r="AB443" s="19"/>
      <c r="AC443" s="19"/>
      <c r="AD443" s="19"/>
      <c r="AE443" s="19"/>
      <c r="AF443" s="19"/>
      <c r="AG443" s="19"/>
      <c r="AH443" s="19"/>
      <c r="AI443" s="19"/>
      <c r="AJ443" s="19"/>
      <c r="AK443" s="19"/>
      <c r="AL443" s="19"/>
      <c r="AM443" s="19"/>
      <c r="AN443" s="19"/>
      <c r="AO443" s="19"/>
      <c r="AP443" s="80"/>
    </row>
    <row r="444" spans="1:42" ht="18" customHeight="1" x14ac:dyDescent="0.4">
      <c r="A444" s="492" t="s">
        <v>874</v>
      </c>
      <c r="B444" s="12"/>
      <c r="C444" s="13"/>
      <c r="D444" s="13"/>
      <c r="E444" s="13"/>
      <c r="F444" s="13"/>
      <c r="G444" s="13"/>
      <c r="H444" s="13"/>
      <c r="I444" s="13"/>
      <c r="J444" s="13"/>
      <c r="K444" s="13"/>
      <c r="L444" s="13"/>
      <c r="M444" s="13"/>
      <c r="N444" s="13"/>
      <c r="O444" s="13"/>
      <c r="P444" s="13"/>
      <c r="Q444" s="13"/>
      <c r="R444" s="13"/>
      <c r="S444" s="13"/>
      <c r="T444" s="13"/>
      <c r="U444" s="13"/>
      <c r="V444" s="13"/>
      <c r="W444" s="13"/>
      <c r="X444" s="13"/>
      <c r="Y444" s="13"/>
      <c r="Z444" s="13"/>
      <c r="AA444" s="13"/>
      <c r="AB444" s="13"/>
      <c r="AC444" s="13"/>
      <c r="AD444" s="13"/>
      <c r="AE444" s="13"/>
      <c r="AF444" s="13"/>
      <c r="AG444" s="13"/>
      <c r="AH444" s="13"/>
      <c r="AI444" s="13"/>
      <c r="AJ444" s="13"/>
      <c r="AK444" s="13"/>
      <c r="AL444" s="13"/>
      <c r="AM444" s="13"/>
      <c r="AN444" s="13"/>
      <c r="AO444" s="13"/>
      <c r="AP444" s="80"/>
    </row>
    <row r="445" spans="1:42" ht="18" customHeight="1" x14ac:dyDescent="0.4">
      <c r="A445" s="492"/>
      <c r="B445" s="80"/>
      <c r="C445" s="478" t="s">
        <v>1100</v>
      </c>
      <c r="D445" s="479"/>
      <c r="E445" s="479"/>
      <c r="F445" s="479"/>
      <c r="G445" s="479"/>
      <c r="H445" s="479"/>
      <c r="I445" s="479"/>
      <c r="J445" s="479"/>
      <c r="K445" s="479"/>
      <c r="L445" s="479"/>
      <c r="M445" s="479"/>
      <c r="N445" s="479"/>
      <c r="O445" s="479"/>
      <c r="P445" s="479"/>
      <c r="Q445" s="479"/>
      <c r="R445" s="479"/>
      <c r="S445" s="479"/>
      <c r="T445" s="479"/>
      <c r="U445" s="480"/>
      <c r="AP445" s="80"/>
    </row>
    <row r="446" spans="1:42" ht="18" customHeight="1" x14ac:dyDescent="0.4">
      <c r="A446" s="492"/>
      <c r="B446" s="80"/>
      <c r="C446" s="481"/>
      <c r="D446" s="482"/>
      <c r="E446" s="482"/>
      <c r="F446" s="482"/>
      <c r="G446" s="482"/>
      <c r="H446" s="482"/>
      <c r="I446" s="482"/>
      <c r="J446" s="482"/>
      <c r="K446" s="482"/>
      <c r="L446" s="482"/>
      <c r="M446" s="482"/>
      <c r="N446" s="482"/>
      <c r="O446" s="482"/>
      <c r="P446" s="482"/>
      <c r="Q446" s="482"/>
      <c r="R446" s="482"/>
      <c r="S446" s="482"/>
      <c r="T446" s="482"/>
      <c r="U446" s="483"/>
      <c r="AP446" s="80"/>
    </row>
    <row r="447" spans="1:42" ht="18" customHeight="1" x14ac:dyDescent="0.4">
      <c r="A447" s="492"/>
      <c r="B447" s="80"/>
      <c r="C447" s="484"/>
      <c r="D447" s="485"/>
      <c r="E447" s="485"/>
      <c r="F447" s="485"/>
      <c r="G447" s="485"/>
      <c r="H447" s="485"/>
      <c r="I447" s="485"/>
      <c r="J447" s="485"/>
      <c r="K447" s="485"/>
      <c r="L447" s="485"/>
      <c r="M447" s="485"/>
      <c r="N447" s="485"/>
      <c r="O447" s="485"/>
      <c r="P447" s="485"/>
      <c r="Q447" s="485"/>
      <c r="R447" s="485"/>
      <c r="S447" s="485"/>
      <c r="T447" s="485"/>
      <c r="U447" s="486"/>
      <c r="AP447" s="80"/>
    </row>
    <row r="448" spans="1:42" ht="18" customHeight="1" x14ac:dyDescent="0.4">
      <c r="A448" s="492"/>
      <c r="B448" s="18"/>
      <c r="C448" s="19"/>
      <c r="D448" s="19"/>
      <c r="E448" s="19"/>
      <c r="F448" s="19"/>
      <c r="G448" s="19"/>
      <c r="H448" s="19"/>
      <c r="I448" s="19"/>
      <c r="J448" s="19"/>
      <c r="K448" s="19"/>
      <c r="L448" s="19"/>
      <c r="M448" s="19"/>
      <c r="N448" s="19"/>
      <c r="O448" s="19"/>
      <c r="P448" s="19"/>
      <c r="Q448" s="19"/>
      <c r="R448" s="19"/>
      <c r="S448" s="19"/>
      <c r="T448" s="19"/>
      <c r="U448" s="19"/>
      <c r="V448" s="19"/>
      <c r="W448" s="19"/>
      <c r="X448" s="19"/>
      <c r="Y448" s="19"/>
      <c r="Z448" s="19"/>
      <c r="AA448" s="19"/>
      <c r="AB448" s="19"/>
      <c r="AC448" s="19"/>
      <c r="AD448" s="19"/>
      <c r="AE448" s="19"/>
      <c r="AF448" s="19"/>
      <c r="AG448" s="19"/>
      <c r="AH448" s="19"/>
      <c r="AI448" s="19"/>
      <c r="AJ448" s="19"/>
      <c r="AK448" s="19"/>
      <c r="AL448" s="19"/>
      <c r="AM448" s="19"/>
      <c r="AN448" s="19"/>
      <c r="AO448" s="19"/>
      <c r="AP448" s="80"/>
    </row>
    <row r="449" spans="1:42" ht="18" customHeight="1" x14ac:dyDescent="0.4">
      <c r="A449" s="492" t="s">
        <v>875</v>
      </c>
      <c r="B449" s="12"/>
      <c r="C449" s="13"/>
      <c r="D449" s="13"/>
      <c r="E449" s="13"/>
      <c r="F449" s="13"/>
      <c r="G449" s="13"/>
      <c r="H449" s="13"/>
      <c r="I449" s="13"/>
      <c r="J449" s="13"/>
      <c r="K449" s="13"/>
      <c r="L449" s="13"/>
      <c r="M449" s="13"/>
      <c r="N449" s="13"/>
      <c r="O449" s="13"/>
      <c r="P449" s="13"/>
      <c r="Q449" s="13"/>
      <c r="R449" s="13"/>
      <c r="S449" s="13"/>
      <c r="T449" s="13"/>
      <c r="U449" s="13"/>
      <c r="V449" s="13"/>
      <c r="W449" s="13"/>
      <c r="X449" s="13"/>
      <c r="Y449" s="13"/>
      <c r="Z449" s="13"/>
      <c r="AA449" s="13"/>
      <c r="AB449" s="13"/>
      <c r="AC449" s="13"/>
      <c r="AD449" s="13"/>
      <c r="AE449" s="13"/>
      <c r="AF449" s="13"/>
      <c r="AG449" s="13"/>
      <c r="AH449" s="13"/>
      <c r="AI449" s="13"/>
      <c r="AJ449" s="13"/>
      <c r="AK449" s="13"/>
      <c r="AL449" s="13"/>
      <c r="AM449" s="13"/>
      <c r="AN449" s="13"/>
      <c r="AO449" s="13"/>
      <c r="AP449" s="80"/>
    </row>
    <row r="450" spans="1:42" ht="30" customHeight="1" x14ac:dyDescent="0.4">
      <c r="A450" s="492"/>
      <c r="B450" s="80"/>
      <c r="C450" s="537" t="s">
        <v>876</v>
      </c>
      <c r="D450" s="538"/>
      <c r="E450" s="538"/>
      <c r="F450" s="539"/>
      <c r="G450" s="537" t="s">
        <v>877</v>
      </c>
      <c r="H450" s="538"/>
      <c r="I450" s="538"/>
      <c r="J450" s="539"/>
      <c r="K450" s="537" t="s">
        <v>878</v>
      </c>
      <c r="L450" s="469"/>
      <c r="M450" s="469"/>
      <c r="N450" s="469"/>
      <c r="O450" s="470"/>
      <c r="P450" s="465" t="s">
        <v>879</v>
      </c>
      <c r="Q450" s="469"/>
      <c r="R450" s="469"/>
      <c r="S450" s="469"/>
      <c r="T450" s="469"/>
      <c r="U450" s="469"/>
      <c r="V450" s="469"/>
      <c r="W450" s="470"/>
      <c r="X450" s="80"/>
      <c r="AP450" s="80"/>
    </row>
    <row r="451" spans="1:42" ht="24" customHeight="1" x14ac:dyDescent="0.4">
      <c r="A451" s="492"/>
      <c r="B451" s="80"/>
      <c r="C451" s="738"/>
      <c r="D451" s="739"/>
      <c r="E451" s="739"/>
      <c r="F451" s="740"/>
      <c r="G451" s="738"/>
      <c r="H451" s="739"/>
      <c r="I451" s="739"/>
      <c r="J451" s="740"/>
      <c r="K451" s="738">
        <f>C451-G451</f>
        <v>0</v>
      </c>
      <c r="L451" s="739"/>
      <c r="M451" s="739"/>
      <c r="N451" s="739"/>
      <c r="O451" s="740"/>
      <c r="P451" s="741" t="s">
        <v>637</v>
      </c>
      <c r="Q451" s="742"/>
      <c r="R451" s="742"/>
      <c r="S451" s="742"/>
      <c r="T451" s="742"/>
      <c r="U451" s="742"/>
      <c r="V451" s="742"/>
      <c r="W451" s="743"/>
      <c r="X451" s="80"/>
      <c r="AP451" s="80"/>
    </row>
    <row r="452" spans="1:42" ht="18" customHeight="1" x14ac:dyDescent="0.4">
      <c r="A452" s="492"/>
      <c r="B452" s="80"/>
      <c r="C452" s="722" t="s">
        <v>880</v>
      </c>
      <c r="D452" s="723"/>
      <c r="E452" s="723"/>
      <c r="F452" s="723"/>
      <c r="G452" s="723"/>
      <c r="H452" s="723"/>
      <c r="I452" s="723"/>
      <c r="J452" s="723"/>
      <c r="K452" s="723"/>
      <c r="L452" s="723"/>
      <c r="M452" s="723"/>
      <c r="N452" s="723"/>
      <c r="O452" s="724"/>
      <c r="P452" s="725" t="s">
        <v>881</v>
      </c>
      <c r="Q452" s="392"/>
      <c r="R452" s="392"/>
      <c r="S452" s="392"/>
      <c r="T452" s="392"/>
      <c r="U452" s="392"/>
      <c r="V452" s="392"/>
      <c r="W452" s="726"/>
      <c r="X452" s="80"/>
      <c r="AP452" s="80"/>
    </row>
    <row r="453" spans="1:42" ht="18" customHeight="1" x14ac:dyDescent="0.4">
      <c r="A453" s="492"/>
      <c r="B453" s="80"/>
      <c r="C453" s="391" t="s">
        <v>882</v>
      </c>
      <c r="D453" s="392"/>
      <c r="E453" s="392"/>
      <c r="F453" s="392"/>
      <c r="G453" s="392"/>
      <c r="H453" s="392"/>
      <c r="I453" s="392"/>
      <c r="J453" s="392"/>
      <c r="K453" s="392"/>
      <c r="L453" s="392"/>
      <c r="M453" s="392"/>
      <c r="N453" s="392"/>
      <c r="O453" s="726"/>
      <c r="P453" s="391"/>
      <c r="Q453" s="392"/>
      <c r="R453" s="392"/>
      <c r="S453" s="392"/>
      <c r="T453" s="392"/>
      <c r="U453" s="392"/>
      <c r="V453" s="392"/>
      <c r="W453" s="726"/>
      <c r="X453" s="80"/>
      <c r="AP453" s="80"/>
    </row>
    <row r="454" spans="1:42" ht="18" customHeight="1" x14ac:dyDescent="0.4">
      <c r="A454" s="492"/>
      <c r="B454" s="80"/>
      <c r="C454" s="727"/>
      <c r="D454" s="728"/>
      <c r="E454" s="728"/>
      <c r="F454" s="728"/>
      <c r="G454" s="728"/>
      <c r="H454" s="728"/>
      <c r="I454" s="728"/>
      <c r="J454" s="728"/>
      <c r="K454" s="728"/>
      <c r="L454" s="728"/>
      <c r="M454" s="728"/>
      <c r="N454" s="728"/>
      <c r="O454" s="729"/>
      <c r="P454" s="727"/>
      <c r="Q454" s="728"/>
      <c r="R454" s="728"/>
      <c r="S454" s="728"/>
      <c r="T454" s="728"/>
      <c r="U454" s="728"/>
      <c r="V454" s="728"/>
      <c r="W454" s="729"/>
      <c r="X454" s="80"/>
      <c r="AP454" s="80"/>
    </row>
    <row r="455" spans="1:42" ht="18" customHeight="1" x14ac:dyDescent="0.4">
      <c r="A455" s="492"/>
      <c r="B455" s="18"/>
      <c r="C455" s="137"/>
      <c r="D455" s="137"/>
      <c r="E455" s="137"/>
      <c r="F455" s="137"/>
      <c r="G455" s="137"/>
      <c r="H455" s="137"/>
      <c r="I455" s="137"/>
      <c r="J455" s="137"/>
      <c r="K455" s="137"/>
      <c r="L455" s="137"/>
      <c r="M455" s="137"/>
      <c r="N455" s="137"/>
      <c r="O455" s="137"/>
      <c r="P455" s="469"/>
      <c r="Q455" s="469"/>
      <c r="R455" s="469"/>
      <c r="S455" s="469"/>
      <c r="T455" s="469"/>
      <c r="U455" s="469"/>
      <c r="V455" s="469"/>
      <c r="W455" s="469"/>
      <c r="X455" s="19"/>
      <c r="Y455" s="19"/>
      <c r="Z455" s="19"/>
      <c r="AA455" s="19"/>
      <c r="AB455" s="19"/>
      <c r="AC455" s="19"/>
      <c r="AD455" s="19"/>
      <c r="AE455" s="19"/>
      <c r="AF455" s="19"/>
      <c r="AG455" s="19"/>
      <c r="AH455" s="19"/>
      <c r="AI455" s="19"/>
      <c r="AJ455" s="19"/>
      <c r="AK455" s="19"/>
      <c r="AL455" s="19"/>
      <c r="AM455" s="19"/>
      <c r="AN455" s="19"/>
      <c r="AO455" s="19"/>
      <c r="AP455" s="80"/>
    </row>
    <row r="456" spans="1:42" ht="18" customHeight="1" x14ac:dyDescent="0.4">
      <c r="A456" s="211" t="s">
        <v>883</v>
      </c>
    </row>
    <row r="457" spans="1:42" ht="24" customHeight="1" x14ac:dyDescent="0.4">
      <c r="A457" s="124" t="s">
        <v>514</v>
      </c>
      <c r="B457" s="660" t="s">
        <v>515</v>
      </c>
      <c r="C457" s="661"/>
      <c r="D457" s="661"/>
      <c r="E457" s="661"/>
      <c r="F457" s="661"/>
      <c r="G457" s="661"/>
      <c r="H457" s="661"/>
      <c r="I457" s="661"/>
      <c r="J457" s="661"/>
      <c r="K457" s="661"/>
      <c r="L457" s="661"/>
      <c r="M457" s="661"/>
      <c r="N457" s="661"/>
      <c r="O457" s="661"/>
      <c r="P457" s="661"/>
      <c r="Q457" s="661"/>
      <c r="R457" s="661"/>
      <c r="S457" s="661"/>
      <c r="T457" s="661"/>
      <c r="U457" s="661"/>
      <c r="V457" s="661"/>
      <c r="W457" s="661"/>
      <c r="X457" s="661"/>
      <c r="Y457" s="661"/>
      <c r="Z457" s="661"/>
      <c r="AA457" s="661"/>
      <c r="AB457" s="661"/>
      <c r="AC457" s="661"/>
      <c r="AD457" s="661"/>
      <c r="AE457" s="661"/>
      <c r="AF457" s="661"/>
      <c r="AG457" s="661"/>
      <c r="AH457" s="661"/>
      <c r="AI457" s="661"/>
      <c r="AJ457" s="661"/>
      <c r="AK457" s="661"/>
      <c r="AL457" s="661"/>
      <c r="AM457" s="661"/>
      <c r="AN457" s="661"/>
      <c r="AO457" s="662"/>
    </row>
    <row r="458" spans="1:42" ht="18" customHeight="1" x14ac:dyDescent="0.4">
      <c r="A458" s="473" t="s">
        <v>993</v>
      </c>
      <c r="B458" s="12"/>
      <c r="C458" s="257" t="s">
        <v>992</v>
      </c>
      <c r="D458" s="13"/>
      <c r="E458" s="13"/>
      <c r="F458" s="13"/>
      <c r="G458" s="13"/>
      <c r="H458" s="13"/>
      <c r="I458" s="13"/>
      <c r="J458" s="13"/>
      <c r="K458" s="13"/>
      <c r="L458" s="13"/>
      <c r="M458" s="13"/>
      <c r="N458" s="13"/>
      <c r="O458" s="13"/>
      <c r="P458" s="13"/>
      <c r="Q458" s="13"/>
      <c r="R458" s="13"/>
      <c r="S458" s="13"/>
      <c r="T458" s="13"/>
      <c r="U458" s="13"/>
      <c r="V458" s="13"/>
      <c r="W458" s="13"/>
      <c r="X458" s="13"/>
      <c r="Y458" s="13"/>
      <c r="Z458" s="13"/>
      <c r="AA458" s="13"/>
      <c r="AB458" s="13"/>
      <c r="AC458" s="13"/>
      <c r="AD458" s="13"/>
      <c r="AE458" s="13"/>
      <c r="AF458" s="13"/>
      <c r="AG458" s="13"/>
      <c r="AH458" s="13"/>
      <c r="AI458" s="13"/>
      <c r="AJ458" s="13"/>
      <c r="AK458" s="13"/>
      <c r="AL458" s="13"/>
      <c r="AM458" s="13"/>
      <c r="AN458" s="13"/>
      <c r="AO458" s="79"/>
    </row>
    <row r="459" spans="1:42" ht="18" customHeight="1" x14ac:dyDescent="0.4">
      <c r="A459" s="474"/>
      <c r="B459" s="80"/>
      <c r="C459" s="478"/>
      <c r="D459" s="479"/>
      <c r="E459" s="479"/>
      <c r="F459" s="479"/>
      <c r="G459" s="479"/>
      <c r="H459" s="479"/>
      <c r="I459" s="479"/>
      <c r="J459" s="479"/>
      <c r="K459" s="479"/>
      <c r="L459" s="479"/>
      <c r="M459" s="479"/>
      <c r="N459" s="479"/>
      <c r="O459" s="479"/>
      <c r="P459" s="479"/>
      <c r="Q459" s="479"/>
      <c r="R459" s="479"/>
      <c r="S459" s="479"/>
      <c r="T459" s="479"/>
      <c r="U459" s="480"/>
      <c r="AO459" s="81"/>
    </row>
    <row r="460" spans="1:42" ht="18" customHeight="1" x14ac:dyDescent="0.4">
      <c r="A460" s="474"/>
      <c r="B460" s="80"/>
      <c r="C460" s="481"/>
      <c r="D460" s="482"/>
      <c r="E460" s="482"/>
      <c r="F460" s="482"/>
      <c r="G460" s="482"/>
      <c r="H460" s="482"/>
      <c r="I460" s="482"/>
      <c r="J460" s="482"/>
      <c r="K460" s="482"/>
      <c r="L460" s="482"/>
      <c r="M460" s="482"/>
      <c r="N460" s="482"/>
      <c r="O460" s="482"/>
      <c r="P460" s="482"/>
      <c r="Q460" s="482"/>
      <c r="R460" s="482"/>
      <c r="S460" s="482"/>
      <c r="T460" s="482"/>
      <c r="U460" s="483"/>
      <c r="AO460" s="81"/>
    </row>
    <row r="461" spans="1:42" ht="18" customHeight="1" x14ac:dyDescent="0.4">
      <c r="A461" s="474"/>
      <c r="B461" s="80"/>
      <c r="C461" s="484"/>
      <c r="D461" s="485"/>
      <c r="E461" s="485"/>
      <c r="F461" s="485"/>
      <c r="G461" s="485"/>
      <c r="H461" s="485"/>
      <c r="I461" s="485"/>
      <c r="J461" s="485"/>
      <c r="K461" s="485"/>
      <c r="L461" s="485"/>
      <c r="M461" s="485"/>
      <c r="N461" s="485"/>
      <c r="O461" s="485"/>
      <c r="P461" s="485"/>
      <c r="Q461" s="485"/>
      <c r="R461" s="485"/>
      <c r="S461" s="485"/>
      <c r="T461" s="485"/>
      <c r="U461" s="486"/>
      <c r="AO461" s="81"/>
    </row>
    <row r="462" spans="1:42" ht="18" customHeight="1" x14ac:dyDescent="0.4">
      <c r="A462" s="477"/>
      <c r="B462" s="18"/>
      <c r="C462" s="19"/>
      <c r="D462" s="19"/>
      <c r="E462" s="19"/>
      <c r="F462" s="19"/>
      <c r="G462" s="19"/>
      <c r="H462" s="19"/>
      <c r="I462" s="19"/>
      <c r="J462" s="19"/>
      <c r="K462" s="19"/>
      <c r="L462" s="19"/>
      <c r="M462" s="19"/>
      <c r="N462" s="19"/>
      <c r="O462" s="19"/>
      <c r="P462" s="19"/>
      <c r="Q462" s="19"/>
      <c r="R462" s="19"/>
      <c r="S462" s="19"/>
      <c r="T462" s="19"/>
      <c r="U462" s="19"/>
      <c r="V462" s="19"/>
      <c r="W462" s="19"/>
      <c r="X462" s="19"/>
      <c r="Y462" s="19"/>
      <c r="Z462" s="19"/>
      <c r="AA462" s="19"/>
      <c r="AB462" s="19"/>
      <c r="AC462" s="19"/>
      <c r="AD462" s="19"/>
      <c r="AE462" s="19"/>
      <c r="AF462" s="19"/>
      <c r="AG462" s="19"/>
      <c r="AH462" s="19"/>
      <c r="AI462" s="19"/>
      <c r="AJ462" s="19"/>
      <c r="AK462" s="19"/>
      <c r="AL462" s="19"/>
      <c r="AM462" s="19"/>
      <c r="AN462" s="19"/>
      <c r="AO462" s="82"/>
    </row>
    <row r="463" spans="1:42" ht="18" customHeight="1" x14ac:dyDescent="0.4">
      <c r="A463" s="473" t="s">
        <v>1012</v>
      </c>
      <c r="B463" s="12"/>
      <c r="C463" s="13"/>
      <c r="D463" s="13"/>
      <c r="E463" s="13"/>
      <c r="F463" s="13"/>
      <c r="G463" s="13"/>
      <c r="H463" s="13"/>
      <c r="I463" s="13"/>
      <c r="J463" s="13"/>
      <c r="K463" s="13"/>
      <c r="L463" s="13"/>
      <c r="M463" s="13"/>
      <c r="N463" s="13"/>
      <c r="O463" s="13"/>
      <c r="P463" s="13"/>
      <c r="Q463" s="13"/>
      <c r="R463" s="13"/>
      <c r="S463" s="13"/>
      <c r="T463" s="13"/>
      <c r="U463" s="13"/>
      <c r="V463" s="13"/>
      <c r="W463" s="13"/>
      <c r="X463" s="13"/>
      <c r="Y463" s="13"/>
      <c r="Z463" s="13"/>
      <c r="AA463" s="13"/>
      <c r="AB463" s="13"/>
      <c r="AC463" s="13"/>
      <c r="AD463" s="13"/>
      <c r="AE463" s="13"/>
      <c r="AF463" s="13"/>
      <c r="AG463" s="13"/>
      <c r="AH463" s="13"/>
      <c r="AI463" s="13"/>
      <c r="AJ463" s="13"/>
      <c r="AK463" s="13"/>
      <c r="AL463" s="13"/>
      <c r="AM463" s="13"/>
      <c r="AN463" s="13"/>
      <c r="AO463" s="79"/>
    </row>
    <row r="464" spans="1:42" ht="18" customHeight="1" x14ac:dyDescent="0.4">
      <c r="A464" s="474"/>
      <c r="B464" s="80"/>
      <c r="C464" s="402" t="s">
        <v>1099</v>
      </c>
      <c r="D464" s="403"/>
      <c r="E464" s="403"/>
      <c r="F464" s="403"/>
      <c r="G464" s="403"/>
      <c r="H464" s="403"/>
      <c r="I464" s="403"/>
      <c r="J464" s="403"/>
      <c r="K464" s="403"/>
      <c r="L464" s="403"/>
      <c r="M464" s="403"/>
      <c r="N464" s="403"/>
      <c r="O464" s="403"/>
      <c r="P464" s="403"/>
      <c r="Q464" s="403"/>
      <c r="R464" s="403"/>
      <c r="S464" s="403"/>
      <c r="T464" s="403"/>
      <c r="U464" s="404"/>
      <c r="AO464" s="81"/>
    </row>
    <row r="465" spans="1:41" ht="18" customHeight="1" x14ac:dyDescent="0.4">
      <c r="A465" s="474"/>
      <c r="B465" s="80"/>
      <c r="C465" s="487"/>
      <c r="D465" s="488"/>
      <c r="E465" s="488"/>
      <c r="F465" s="488"/>
      <c r="G465" s="488"/>
      <c r="H465" s="488"/>
      <c r="I465" s="488"/>
      <c r="J465" s="488"/>
      <c r="K465" s="488"/>
      <c r="L465" s="488"/>
      <c r="M465" s="488"/>
      <c r="N465" s="488"/>
      <c r="O465" s="488"/>
      <c r="P465" s="488"/>
      <c r="Q465" s="488"/>
      <c r="R465" s="488"/>
      <c r="S465" s="488"/>
      <c r="T465" s="488"/>
      <c r="U465" s="489"/>
      <c r="AO465" s="81"/>
    </row>
    <row r="466" spans="1:41" ht="18" customHeight="1" x14ac:dyDescent="0.4">
      <c r="A466" s="474"/>
      <c r="B466" s="80"/>
      <c r="C466" s="487"/>
      <c r="D466" s="488"/>
      <c r="E466" s="488"/>
      <c r="F466" s="488"/>
      <c r="G466" s="488"/>
      <c r="H466" s="488"/>
      <c r="I466" s="488"/>
      <c r="J466" s="488"/>
      <c r="K466" s="488"/>
      <c r="L466" s="488"/>
      <c r="M466" s="488"/>
      <c r="N466" s="488"/>
      <c r="O466" s="488"/>
      <c r="P466" s="488"/>
      <c r="Q466" s="488"/>
      <c r="R466" s="488"/>
      <c r="S466" s="488"/>
      <c r="T466" s="488"/>
      <c r="U466" s="489"/>
      <c r="AO466" s="81"/>
    </row>
    <row r="467" spans="1:41" ht="18" customHeight="1" x14ac:dyDescent="0.4">
      <c r="A467" s="474"/>
      <c r="B467" s="80"/>
      <c r="C467" s="490"/>
      <c r="D467" s="330"/>
      <c r="E467" s="330"/>
      <c r="F467" s="330"/>
      <c r="G467" s="330"/>
      <c r="H467" s="330"/>
      <c r="I467" s="330"/>
      <c r="J467" s="330"/>
      <c r="K467" s="330"/>
      <c r="L467" s="330"/>
      <c r="M467" s="330"/>
      <c r="N467" s="330"/>
      <c r="O467" s="330"/>
      <c r="P467" s="330"/>
      <c r="Q467" s="330"/>
      <c r="R467" s="330"/>
      <c r="S467" s="330"/>
      <c r="T467" s="330"/>
      <c r="U467" s="491"/>
      <c r="AO467" s="81"/>
    </row>
    <row r="468" spans="1:41" ht="18" customHeight="1" x14ac:dyDescent="0.4">
      <c r="A468" s="477"/>
      <c r="B468" s="18"/>
      <c r="C468" s="19"/>
      <c r="D468" s="19"/>
      <c r="E468" s="19"/>
      <c r="F468" s="19"/>
      <c r="G468" s="19"/>
      <c r="H468" s="19"/>
      <c r="I468" s="19"/>
      <c r="J468" s="19"/>
      <c r="K468" s="19"/>
      <c r="L468" s="19"/>
      <c r="M468" s="19"/>
      <c r="N468" s="19"/>
      <c r="O468" s="19"/>
      <c r="P468" s="19"/>
      <c r="Q468" s="19"/>
      <c r="R468" s="19"/>
      <c r="S468" s="19"/>
      <c r="T468" s="19"/>
      <c r="U468" s="19"/>
      <c r="V468" s="19"/>
      <c r="W468" s="19"/>
      <c r="X468" s="19"/>
      <c r="Y468" s="19"/>
      <c r="Z468" s="19"/>
      <c r="AA468" s="19"/>
      <c r="AB468" s="19"/>
      <c r="AC468" s="19"/>
      <c r="AD468" s="19"/>
      <c r="AE468" s="19"/>
      <c r="AF468" s="19"/>
      <c r="AG468" s="19"/>
      <c r="AH468" s="19"/>
      <c r="AI468" s="19"/>
      <c r="AJ468" s="19"/>
      <c r="AK468" s="19"/>
      <c r="AL468" s="19"/>
      <c r="AM468" s="19"/>
      <c r="AN468" s="19"/>
      <c r="AO468" s="82"/>
    </row>
    <row r="469" spans="1:41" ht="18" customHeight="1" x14ac:dyDescent="0.4">
      <c r="A469" s="473" t="s">
        <v>888</v>
      </c>
      <c r="B469" s="12"/>
      <c r="C469" s="13"/>
      <c r="D469" s="13"/>
      <c r="E469" s="13"/>
      <c r="F469" s="13"/>
      <c r="G469" s="13"/>
      <c r="H469" s="13"/>
      <c r="I469" s="13"/>
      <c r="J469" s="13"/>
      <c r="K469" s="13"/>
      <c r="L469" s="13"/>
      <c r="M469" s="13"/>
      <c r="N469" s="13"/>
      <c r="O469" s="13"/>
      <c r="P469" s="13"/>
      <c r="Q469" s="13"/>
      <c r="R469" s="13"/>
      <c r="S469" s="13"/>
      <c r="T469" s="13"/>
      <c r="U469" s="13"/>
      <c r="V469" s="13"/>
      <c r="W469" s="13"/>
      <c r="X469" s="13"/>
      <c r="Y469" s="13"/>
      <c r="Z469" s="13"/>
      <c r="AA469" s="13"/>
      <c r="AB469" s="13"/>
      <c r="AC469" s="13"/>
      <c r="AD469" s="13"/>
      <c r="AE469" s="13"/>
      <c r="AF469" s="13"/>
      <c r="AG469" s="13"/>
      <c r="AH469" s="13"/>
      <c r="AI469" s="13"/>
      <c r="AJ469" s="13"/>
      <c r="AK469" s="13"/>
      <c r="AL469" s="13"/>
      <c r="AM469" s="13"/>
      <c r="AN469" s="13"/>
      <c r="AO469" s="79"/>
    </row>
    <row r="470" spans="1:41" ht="18" customHeight="1" x14ac:dyDescent="0.4">
      <c r="A470" s="474"/>
      <c r="B470" s="80"/>
      <c r="C470" s="26" t="s">
        <v>884</v>
      </c>
      <c r="AO470" s="81"/>
    </row>
    <row r="471" spans="1:41" ht="18" customHeight="1" x14ac:dyDescent="0.4">
      <c r="A471" s="474"/>
      <c r="B471" s="80"/>
      <c r="C471" s="402" t="s">
        <v>1163</v>
      </c>
      <c r="D471" s="403"/>
      <c r="E471" s="403"/>
      <c r="F471" s="403"/>
      <c r="G471" s="403"/>
      <c r="H471" s="403"/>
      <c r="I471" s="403"/>
      <c r="J471" s="403"/>
      <c r="K471" s="403"/>
      <c r="L471" s="403"/>
      <c r="M471" s="403"/>
      <c r="N471" s="403"/>
      <c r="O471" s="403"/>
      <c r="P471" s="403"/>
      <c r="Q471" s="403"/>
      <c r="R471" s="403"/>
      <c r="S471" s="403"/>
      <c r="T471" s="403"/>
      <c r="U471" s="404"/>
      <c r="AO471" s="81"/>
    </row>
    <row r="472" spans="1:41" ht="18" customHeight="1" x14ac:dyDescent="0.4">
      <c r="A472" s="474"/>
      <c r="B472" s="80"/>
      <c r="C472" s="487"/>
      <c r="D472" s="488"/>
      <c r="E472" s="488"/>
      <c r="F472" s="488"/>
      <c r="G472" s="488"/>
      <c r="H472" s="488"/>
      <c r="I472" s="488"/>
      <c r="J472" s="488"/>
      <c r="K472" s="488"/>
      <c r="L472" s="488"/>
      <c r="M472" s="488"/>
      <c r="N472" s="488"/>
      <c r="O472" s="488"/>
      <c r="P472" s="488"/>
      <c r="Q472" s="488"/>
      <c r="R472" s="488"/>
      <c r="S472" s="488"/>
      <c r="T472" s="488"/>
      <c r="U472" s="489"/>
      <c r="AO472" s="81"/>
    </row>
    <row r="473" spans="1:41" ht="18" customHeight="1" x14ac:dyDescent="0.4">
      <c r="A473" s="474"/>
      <c r="B473" s="80"/>
      <c r="C473" s="487"/>
      <c r="D473" s="488"/>
      <c r="E473" s="488"/>
      <c r="F473" s="488"/>
      <c r="G473" s="488"/>
      <c r="H473" s="488"/>
      <c r="I473" s="488"/>
      <c r="J473" s="488"/>
      <c r="K473" s="488"/>
      <c r="L473" s="488"/>
      <c r="M473" s="488"/>
      <c r="N473" s="488"/>
      <c r="O473" s="488"/>
      <c r="P473" s="488"/>
      <c r="Q473" s="488"/>
      <c r="R473" s="488"/>
      <c r="S473" s="488"/>
      <c r="T473" s="488"/>
      <c r="U473" s="489"/>
      <c r="AO473" s="81"/>
    </row>
    <row r="474" spans="1:41" ht="18" customHeight="1" x14ac:dyDescent="0.4">
      <c r="A474" s="474"/>
      <c r="B474" s="80"/>
      <c r="C474" s="487"/>
      <c r="D474" s="488"/>
      <c r="E474" s="488"/>
      <c r="F474" s="488"/>
      <c r="G474" s="488"/>
      <c r="H474" s="488"/>
      <c r="I474" s="488"/>
      <c r="J474" s="488"/>
      <c r="K474" s="488"/>
      <c r="L474" s="488"/>
      <c r="M474" s="488"/>
      <c r="N474" s="488"/>
      <c r="O474" s="488"/>
      <c r="P474" s="488"/>
      <c r="Q474" s="488"/>
      <c r="R474" s="488"/>
      <c r="S474" s="488"/>
      <c r="T474" s="488"/>
      <c r="U474" s="489"/>
      <c r="AO474" s="81"/>
    </row>
    <row r="475" spans="1:41" ht="18" customHeight="1" x14ac:dyDescent="0.4">
      <c r="A475" s="474"/>
      <c r="B475" s="80"/>
      <c r="C475" s="490"/>
      <c r="D475" s="330"/>
      <c r="E475" s="330"/>
      <c r="F475" s="330"/>
      <c r="G475" s="330"/>
      <c r="H475" s="330"/>
      <c r="I475" s="330"/>
      <c r="J475" s="330"/>
      <c r="K475" s="330"/>
      <c r="L475" s="330"/>
      <c r="M475" s="330"/>
      <c r="N475" s="330"/>
      <c r="O475" s="330"/>
      <c r="P475" s="330"/>
      <c r="Q475" s="330"/>
      <c r="R475" s="330"/>
      <c r="S475" s="330"/>
      <c r="T475" s="330"/>
      <c r="U475" s="491"/>
      <c r="AO475" s="81"/>
    </row>
    <row r="476" spans="1:41" ht="18" customHeight="1" x14ac:dyDescent="0.4">
      <c r="A476" s="477"/>
      <c r="B476" s="18"/>
      <c r="C476" s="19"/>
      <c r="D476" s="19"/>
      <c r="E476" s="19"/>
      <c r="F476" s="19"/>
      <c r="G476" s="19"/>
      <c r="H476" s="19"/>
      <c r="I476" s="19"/>
      <c r="J476" s="19"/>
      <c r="K476" s="19"/>
      <c r="L476" s="19"/>
      <c r="M476" s="19"/>
      <c r="N476" s="19"/>
      <c r="O476" s="19"/>
      <c r="P476" s="19"/>
      <c r="Q476" s="19"/>
      <c r="R476" s="19"/>
      <c r="S476" s="19"/>
      <c r="T476" s="19"/>
      <c r="U476" s="19"/>
      <c r="V476" s="19"/>
      <c r="W476" s="19"/>
      <c r="X476" s="19"/>
      <c r="Y476" s="19"/>
      <c r="Z476" s="19"/>
      <c r="AA476" s="19"/>
      <c r="AB476" s="19"/>
      <c r="AC476" s="19"/>
      <c r="AD476" s="19"/>
      <c r="AE476" s="19"/>
      <c r="AF476" s="19"/>
      <c r="AG476" s="19"/>
      <c r="AH476" s="19"/>
      <c r="AI476" s="19"/>
      <c r="AJ476" s="19"/>
      <c r="AK476" s="19"/>
      <c r="AL476" s="19"/>
      <c r="AM476" s="19"/>
      <c r="AN476" s="19"/>
      <c r="AO476" s="82"/>
    </row>
    <row r="477" spans="1:41" ht="18" customHeight="1" x14ac:dyDescent="0.4">
      <c r="A477" s="473" t="s">
        <v>889</v>
      </c>
      <c r="B477" s="12"/>
      <c r="C477" s="13"/>
      <c r="D477" s="13"/>
      <c r="E477" s="13"/>
      <c r="F477" s="13"/>
      <c r="G477" s="13"/>
      <c r="H477" s="13"/>
      <c r="I477" s="13"/>
      <c r="J477" s="13"/>
      <c r="K477" s="13"/>
      <c r="L477" s="13"/>
      <c r="M477" s="13"/>
      <c r="N477" s="13"/>
      <c r="O477" s="13"/>
      <c r="P477" s="13"/>
      <c r="Q477" s="13"/>
      <c r="R477" s="13"/>
      <c r="S477" s="13"/>
      <c r="T477" s="13"/>
      <c r="U477" s="13"/>
      <c r="V477" s="13"/>
      <c r="W477" s="13"/>
      <c r="X477" s="13"/>
      <c r="Y477" s="13"/>
      <c r="Z477" s="13"/>
      <c r="AA477" s="13"/>
      <c r="AB477" s="13"/>
      <c r="AC477" s="13"/>
      <c r="AD477" s="13"/>
      <c r="AE477" s="13"/>
      <c r="AF477" s="13"/>
      <c r="AG477" s="13"/>
      <c r="AH477" s="13"/>
      <c r="AI477" s="13"/>
      <c r="AJ477" s="13"/>
      <c r="AK477" s="13"/>
      <c r="AL477" s="13"/>
      <c r="AM477" s="13"/>
      <c r="AN477" s="13"/>
      <c r="AO477" s="79"/>
    </row>
    <row r="478" spans="1:41" ht="18" customHeight="1" x14ac:dyDescent="0.4">
      <c r="A478" s="474"/>
      <c r="B478" s="80"/>
      <c r="C478" s="478"/>
      <c r="D478" s="479"/>
      <c r="E478" s="479"/>
      <c r="F478" s="479"/>
      <c r="G478" s="479"/>
      <c r="H478" s="479"/>
      <c r="I478" s="479"/>
      <c r="J478" s="479"/>
      <c r="K478" s="479"/>
      <c r="L478" s="479"/>
      <c r="M478" s="479"/>
      <c r="N478" s="479"/>
      <c r="O478" s="479"/>
      <c r="P478" s="479"/>
      <c r="Q478" s="479"/>
      <c r="R478" s="479"/>
      <c r="S478" s="479"/>
      <c r="T478" s="479"/>
      <c r="U478" s="480"/>
      <c r="AO478" s="81"/>
    </row>
    <row r="479" spans="1:41" ht="18" customHeight="1" x14ac:dyDescent="0.4">
      <c r="A479" s="474"/>
      <c r="B479" s="80"/>
      <c r="C479" s="481"/>
      <c r="D479" s="482"/>
      <c r="E479" s="482"/>
      <c r="F479" s="482"/>
      <c r="G479" s="482"/>
      <c r="H479" s="482"/>
      <c r="I479" s="482"/>
      <c r="J479" s="482"/>
      <c r="K479" s="482"/>
      <c r="L479" s="482"/>
      <c r="M479" s="482"/>
      <c r="N479" s="482"/>
      <c r="O479" s="482"/>
      <c r="P479" s="482"/>
      <c r="Q479" s="482"/>
      <c r="R479" s="482"/>
      <c r="S479" s="482"/>
      <c r="T479" s="482"/>
      <c r="U479" s="483"/>
      <c r="AO479" s="81"/>
    </row>
    <row r="480" spans="1:41" ht="18" customHeight="1" x14ac:dyDescent="0.4">
      <c r="A480" s="474"/>
      <c r="B480" s="80"/>
      <c r="C480" s="481"/>
      <c r="D480" s="482"/>
      <c r="E480" s="482"/>
      <c r="F480" s="482"/>
      <c r="G480" s="482"/>
      <c r="H480" s="482"/>
      <c r="I480" s="482"/>
      <c r="J480" s="482"/>
      <c r="K480" s="482"/>
      <c r="L480" s="482"/>
      <c r="M480" s="482"/>
      <c r="N480" s="482"/>
      <c r="O480" s="482"/>
      <c r="P480" s="482"/>
      <c r="Q480" s="482"/>
      <c r="R480" s="482"/>
      <c r="S480" s="482"/>
      <c r="T480" s="482"/>
      <c r="U480" s="483"/>
      <c r="AO480" s="81"/>
    </row>
    <row r="481" spans="1:41" ht="18" customHeight="1" x14ac:dyDescent="0.4">
      <c r="A481" s="474"/>
      <c r="B481" s="80"/>
      <c r="C481" s="481"/>
      <c r="D481" s="482"/>
      <c r="E481" s="482"/>
      <c r="F481" s="482"/>
      <c r="G481" s="482"/>
      <c r="H481" s="482"/>
      <c r="I481" s="482"/>
      <c r="J481" s="482"/>
      <c r="K481" s="482"/>
      <c r="L481" s="482"/>
      <c r="M481" s="482"/>
      <c r="N481" s="482"/>
      <c r="O481" s="482"/>
      <c r="P481" s="482"/>
      <c r="Q481" s="482"/>
      <c r="R481" s="482"/>
      <c r="S481" s="482"/>
      <c r="T481" s="482"/>
      <c r="U481" s="483"/>
      <c r="AO481" s="81"/>
    </row>
    <row r="482" spans="1:41" ht="18" customHeight="1" x14ac:dyDescent="0.4">
      <c r="A482" s="474"/>
      <c r="B482" s="80"/>
      <c r="C482" s="481"/>
      <c r="D482" s="482"/>
      <c r="E482" s="482"/>
      <c r="F482" s="482"/>
      <c r="G482" s="482"/>
      <c r="H482" s="482"/>
      <c r="I482" s="482"/>
      <c r="J482" s="482"/>
      <c r="K482" s="482"/>
      <c r="L482" s="482"/>
      <c r="M482" s="482"/>
      <c r="N482" s="482"/>
      <c r="O482" s="482"/>
      <c r="P482" s="482"/>
      <c r="Q482" s="482"/>
      <c r="R482" s="482"/>
      <c r="S482" s="482"/>
      <c r="T482" s="482"/>
      <c r="U482" s="483"/>
      <c r="AO482" s="81"/>
    </row>
    <row r="483" spans="1:41" ht="18" customHeight="1" x14ac:dyDescent="0.4">
      <c r="A483" s="474"/>
      <c r="B483" s="80"/>
      <c r="C483" s="481"/>
      <c r="D483" s="482"/>
      <c r="E483" s="482"/>
      <c r="F483" s="482"/>
      <c r="G483" s="482"/>
      <c r="H483" s="482"/>
      <c r="I483" s="482"/>
      <c r="J483" s="482"/>
      <c r="K483" s="482"/>
      <c r="L483" s="482"/>
      <c r="M483" s="482"/>
      <c r="N483" s="482"/>
      <c r="O483" s="482"/>
      <c r="P483" s="482"/>
      <c r="Q483" s="482"/>
      <c r="R483" s="482"/>
      <c r="S483" s="482"/>
      <c r="T483" s="482"/>
      <c r="U483" s="483"/>
      <c r="AO483" s="81"/>
    </row>
    <row r="484" spans="1:41" ht="18" customHeight="1" x14ac:dyDescent="0.4">
      <c r="A484" s="474"/>
      <c r="B484" s="80"/>
      <c r="C484" s="481"/>
      <c r="D484" s="482"/>
      <c r="E484" s="482"/>
      <c r="F484" s="482"/>
      <c r="G484" s="482"/>
      <c r="H484" s="482"/>
      <c r="I484" s="482"/>
      <c r="J484" s="482"/>
      <c r="K484" s="482"/>
      <c r="L484" s="482"/>
      <c r="M484" s="482"/>
      <c r="N484" s="482"/>
      <c r="O484" s="482"/>
      <c r="P484" s="482"/>
      <c r="Q484" s="482"/>
      <c r="R484" s="482"/>
      <c r="S484" s="482"/>
      <c r="T484" s="482"/>
      <c r="U484" s="483"/>
      <c r="AO484" s="81"/>
    </row>
    <row r="485" spans="1:41" ht="18" customHeight="1" x14ac:dyDescent="0.4">
      <c r="A485" s="474"/>
      <c r="B485" s="80"/>
      <c r="C485" s="481"/>
      <c r="D485" s="482"/>
      <c r="E485" s="482"/>
      <c r="F485" s="482"/>
      <c r="G485" s="482"/>
      <c r="H485" s="482"/>
      <c r="I485" s="482"/>
      <c r="J485" s="482"/>
      <c r="K485" s="482"/>
      <c r="L485" s="482"/>
      <c r="M485" s="482"/>
      <c r="N485" s="482"/>
      <c r="O485" s="482"/>
      <c r="P485" s="482"/>
      <c r="Q485" s="482"/>
      <c r="R485" s="482"/>
      <c r="S485" s="482"/>
      <c r="T485" s="482"/>
      <c r="U485" s="483"/>
      <c r="AO485" s="81"/>
    </row>
    <row r="486" spans="1:41" ht="18" customHeight="1" x14ac:dyDescent="0.4">
      <c r="A486" s="474"/>
      <c r="B486" s="80"/>
      <c r="C486" s="481"/>
      <c r="D486" s="482"/>
      <c r="E486" s="482"/>
      <c r="F486" s="482"/>
      <c r="G486" s="482"/>
      <c r="H486" s="482"/>
      <c r="I486" s="482"/>
      <c r="J486" s="482"/>
      <c r="K486" s="482"/>
      <c r="L486" s="482"/>
      <c r="M486" s="482"/>
      <c r="N486" s="482"/>
      <c r="O486" s="482"/>
      <c r="P486" s="482"/>
      <c r="Q486" s="482"/>
      <c r="R486" s="482"/>
      <c r="S486" s="482"/>
      <c r="T486" s="482"/>
      <c r="U486" s="483"/>
      <c r="AO486" s="81"/>
    </row>
    <row r="487" spans="1:41" ht="18" customHeight="1" x14ac:dyDescent="0.4">
      <c r="A487" s="474"/>
      <c r="B487" s="80"/>
      <c r="C487" s="484"/>
      <c r="D487" s="485"/>
      <c r="E487" s="485"/>
      <c r="F487" s="485"/>
      <c r="G487" s="485"/>
      <c r="H487" s="485"/>
      <c r="I487" s="485"/>
      <c r="J487" s="485"/>
      <c r="K487" s="485"/>
      <c r="L487" s="485"/>
      <c r="M487" s="485"/>
      <c r="N487" s="485"/>
      <c r="O487" s="485"/>
      <c r="P487" s="485"/>
      <c r="Q487" s="485"/>
      <c r="R487" s="485"/>
      <c r="S487" s="485"/>
      <c r="T487" s="485"/>
      <c r="U487" s="486"/>
      <c r="AO487" s="81"/>
    </row>
    <row r="488" spans="1:41" ht="18" customHeight="1" x14ac:dyDescent="0.4">
      <c r="A488" s="477"/>
      <c r="B488" s="18"/>
      <c r="C488" s="19"/>
      <c r="D488" s="19"/>
      <c r="E488" s="19"/>
      <c r="F488" s="19"/>
      <c r="G488" s="19"/>
      <c r="H488" s="19"/>
      <c r="I488" s="19"/>
      <c r="J488" s="19"/>
      <c r="K488" s="19"/>
      <c r="L488" s="19"/>
      <c r="M488" s="19"/>
      <c r="N488" s="19"/>
      <c r="O488" s="19"/>
      <c r="P488" s="19"/>
      <c r="Q488" s="19"/>
      <c r="R488" s="19"/>
      <c r="S488" s="19"/>
      <c r="T488" s="19"/>
      <c r="U488" s="19"/>
      <c r="V488" s="19"/>
      <c r="W488" s="19"/>
      <c r="X488" s="19"/>
      <c r="Y488" s="19"/>
      <c r="Z488" s="19"/>
      <c r="AA488" s="19"/>
      <c r="AB488" s="19"/>
      <c r="AC488" s="19"/>
      <c r="AD488" s="19"/>
      <c r="AE488" s="19"/>
      <c r="AF488" s="19"/>
      <c r="AG488" s="19"/>
      <c r="AH488" s="19"/>
      <c r="AI488" s="19"/>
      <c r="AJ488" s="19"/>
      <c r="AK488" s="19"/>
      <c r="AL488" s="19"/>
      <c r="AM488" s="19"/>
      <c r="AN488" s="19"/>
      <c r="AO488" s="82"/>
    </row>
    <row r="489" spans="1:41" ht="18" customHeight="1" x14ac:dyDescent="0.4"/>
    <row r="490" spans="1:41" ht="18" customHeight="1" x14ac:dyDescent="0.4"/>
    <row r="491" spans="1:41" ht="18" customHeight="1" x14ac:dyDescent="0.4"/>
    <row r="492" spans="1:41" ht="18" customHeight="1" x14ac:dyDescent="0.4"/>
    <row r="493" spans="1:41" ht="18" customHeight="1" x14ac:dyDescent="0.4"/>
    <row r="494" spans="1:41" ht="18" customHeight="1" x14ac:dyDescent="0.4"/>
    <row r="495" spans="1:41" ht="18" customHeight="1" x14ac:dyDescent="0.4"/>
    <row r="496" spans="1:41" ht="18" customHeight="1" x14ac:dyDescent="0.4"/>
    <row r="497" ht="18" customHeight="1" x14ac:dyDescent="0.4"/>
    <row r="498" ht="18" customHeight="1" x14ac:dyDescent="0.4"/>
    <row r="499" ht="18" customHeight="1" x14ac:dyDescent="0.4"/>
    <row r="500" ht="18" customHeight="1" x14ac:dyDescent="0.4"/>
    <row r="501" ht="18" customHeight="1" x14ac:dyDescent="0.4"/>
    <row r="502" ht="18" customHeight="1" x14ac:dyDescent="0.4"/>
    <row r="503" ht="18" customHeight="1" x14ac:dyDescent="0.4"/>
    <row r="504" ht="18" customHeight="1" x14ac:dyDescent="0.4"/>
    <row r="505" ht="18" customHeight="1" x14ac:dyDescent="0.4"/>
    <row r="506" ht="18" customHeight="1" x14ac:dyDescent="0.4"/>
    <row r="507" ht="18" customHeight="1" x14ac:dyDescent="0.4"/>
    <row r="508" ht="18" customHeight="1" x14ac:dyDescent="0.4"/>
    <row r="509" ht="18" customHeight="1" x14ac:dyDescent="0.4"/>
    <row r="510" ht="18" customHeight="1" x14ac:dyDescent="0.4"/>
    <row r="511" ht="18" customHeight="1" x14ac:dyDescent="0.4"/>
    <row r="512" ht="18" customHeight="1" x14ac:dyDescent="0.4"/>
    <row r="513" ht="18" customHeight="1" x14ac:dyDescent="0.4"/>
    <row r="514" ht="18" customHeight="1" x14ac:dyDescent="0.4"/>
    <row r="515" ht="18" customHeight="1" x14ac:dyDescent="0.4"/>
    <row r="516" ht="18" customHeight="1" x14ac:dyDescent="0.4"/>
    <row r="517" ht="18" customHeight="1" x14ac:dyDescent="0.4"/>
    <row r="518" ht="18" customHeight="1" x14ac:dyDescent="0.4"/>
    <row r="519" ht="18" customHeight="1" x14ac:dyDescent="0.4"/>
    <row r="520" ht="18" customHeight="1" x14ac:dyDescent="0.4"/>
    <row r="521" ht="18" customHeight="1" x14ac:dyDescent="0.4"/>
    <row r="522" ht="18" customHeight="1" x14ac:dyDescent="0.4"/>
    <row r="523" ht="18" customHeight="1" x14ac:dyDescent="0.4"/>
    <row r="524" ht="18" customHeight="1" x14ac:dyDescent="0.4"/>
    <row r="525" ht="18" customHeight="1" x14ac:dyDescent="0.4"/>
    <row r="526" ht="18" customHeight="1" x14ac:dyDescent="0.4"/>
    <row r="527" ht="18" customHeight="1" x14ac:dyDescent="0.4"/>
    <row r="528" ht="18" customHeight="1" x14ac:dyDescent="0.4"/>
    <row r="529" ht="18" customHeight="1" x14ac:dyDescent="0.4"/>
    <row r="530" ht="18" customHeight="1" x14ac:dyDescent="0.4"/>
    <row r="531" ht="18" customHeight="1" x14ac:dyDescent="0.4"/>
    <row r="532" ht="18" customHeight="1" x14ac:dyDescent="0.4"/>
    <row r="533" ht="18" customHeight="1" x14ac:dyDescent="0.4"/>
    <row r="534" ht="18" customHeight="1" x14ac:dyDescent="0.4"/>
    <row r="535" ht="18" customHeight="1" x14ac:dyDescent="0.4"/>
    <row r="536" ht="18" customHeight="1" x14ac:dyDescent="0.4"/>
    <row r="537" ht="18" customHeight="1" x14ac:dyDescent="0.4"/>
    <row r="538" ht="18" customHeight="1" x14ac:dyDescent="0.4"/>
    <row r="539" ht="18" customHeight="1" x14ac:dyDescent="0.4"/>
    <row r="540" ht="18" customHeight="1" x14ac:dyDescent="0.4"/>
    <row r="541" ht="18" customHeight="1" x14ac:dyDescent="0.4"/>
    <row r="542" ht="18" customHeight="1" x14ac:dyDescent="0.4"/>
    <row r="543" ht="18" customHeight="1" x14ac:dyDescent="0.4"/>
    <row r="544" ht="18" customHeight="1" x14ac:dyDescent="0.4"/>
    <row r="545" ht="18" customHeight="1" x14ac:dyDescent="0.4"/>
    <row r="546" ht="18" customHeight="1" x14ac:dyDescent="0.4"/>
    <row r="547" ht="18" customHeight="1" x14ac:dyDescent="0.4"/>
    <row r="548" ht="18" customHeight="1" x14ac:dyDescent="0.4"/>
    <row r="549" ht="18" customHeight="1" x14ac:dyDescent="0.4"/>
    <row r="550" ht="18" customHeight="1" x14ac:dyDescent="0.4"/>
    <row r="551" ht="18" customHeight="1" x14ac:dyDescent="0.4"/>
    <row r="552" ht="18" customHeight="1" x14ac:dyDescent="0.4"/>
    <row r="553" ht="18" customHeight="1" x14ac:dyDescent="0.4"/>
    <row r="554" ht="18" customHeight="1" x14ac:dyDescent="0.4"/>
  </sheetData>
  <mergeCells count="1121">
    <mergeCell ref="O389:S389"/>
    <mergeCell ref="AD301:AO307"/>
    <mergeCell ref="C445:U447"/>
    <mergeCell ref="A444:A448"/>
    <mergeCell ref="C450:F450"/>
    <mergeCell ref="G450:J450"/>
    <mergeCell ref="K450:O450"/>
    <mergeCell ref="P450:W450"/>
    <mergeCell ref="C451:F451"/>
    <mergeCell ref="G451:J451"/>
    <mergeCell ref="K451:O451"/>
    <mergeCell ref="P451:W451"/>
    <mergeCell ref="Q409:U409"/>
    <mergeCell ref="C404:F404"/>
    <mergeCell ref="G404:L404"/>
    <mergeCell ref="M404:P404"/>
    <mergeCell ref="Q404:U404"/>
    <mergeCell ref="C405:F405"/>
    <mergeCell ref="G405:L405"/>
    <mergeCell ref="M405:P405"/>
    <mergeCell ref="Q405:U405"/>
    <mergeCell ref="A395:A410"/>
    <mergeCell ref="C406:F406"/>
    <mergeCell ref="G406:L406"/>
    <mergeCell ref="M406:P406"/>
    <mergeCell ref="Q406:U406"/>
    <mergeCell ref="C407:F407"/>
    <mergeCell ref="G407:L407"/>
    <mergeCell ref="M407:P407"/>
    <mergeCell ref="Q407:U407"/>
    <mergeCell ref="C408:F408"/>
    <mergeCell ref="G408:L408"/>
    <mergeCell ref="C452:O452"/>
    <mergeCell ref="P455:W455"/>
    <mergeCell ref="P452:W454"/>
    <mergeCell ref="C453:O454"/>
    <mergeCell ref="A449:A455"/>
    <mergeCell ref="B457:AO457"/>
    <mergeCell ref="A411:A416"/>
    <mergeCell ref="C413:G413"/>
    <mergeCell ref="H413:L413"/>
    <mergeCell ref="M413:Q413"/>
    <mergeCell ref="R413:W413"/>
    <mergeCell ref="C414:G414"/>
    <mergeCell ref="H414:L414"/>
    <mergeCell ref="M414:Q414"/>
    <mergeCell ref="R414:W414"/>
    <mergeCell ref="C415:G415"/>
    <mergeCell ref="H415:L415"/>
    <mergeCell ref="M415:Q415"/>
    <mergeCell ref="R415:W415"/>
    <mergeCell ref="A417:A421"/>
    <mergeCell ref="A422:A426"/>
    <mergeCell ref="C423:U425"/>
    <mergeCell ref="C412:G412"/>
    <mergeCell ref="H412:L412"/>
    <mergeCell ref="M412:Q412"/>
    <mergeCell ref="R412:W412"/>
    <mergeCell ref="C419:H419"/>
    <mergeCell ref="I419:L419"/>
    <mergeCell ref="M419:P419"/>
    <mergeCell ref="Q419:U419"/>
    <mergeCell ref="V419:X419"/>
    <mergeCell ref="Y419:AB419"/>
    <mergeCell ref="M408:P408"/>
    <mergeCell ref="Q408:U408"/>
    <mergeCell ref="C409:F409"/>
    <mergeCell ref="G409:L409"/>
    <mergeCell ref="M409:P409"/>
    <mergeCell ref="C401:F401"/>
    <mergeCell ref="G401:L401"/>
    <mergeCell ref="M401:P401"/>
    <mergeCell ref="Q401:U401"/>
    <mergeCell ref="Q402:U402"/>
    <mergeCell ref="M402:P402"/>
    <mergeCell ref="G402:L402"/>
    <mergeCell ref="C402:F402"/>
    <mergeCell ref="C403:F403"/>
    <mergeCell ref="G403:L403"/>
    <mergeCell ref="M403:P403"/>
    <mergeCell ref="Q403:U403"/>
    <mergeCell ref="C398:C399"/>
    <mergeCell ref="C397:Q397"/>
    <mergeCell ref="D398:Q398"/>
    <mergeCell ref="D399:Q399"/>
    <mergeCell ref="R397:U397"/>
    <mergeCell ref="R398:U398"/>
    <mergeCell ref="R399:U399"/>
    <mergeCell ref="C392:H392"/>
    <mergeCell ref="I392:N392"/>
    <mergeCell ref="O392:T392"/>
    <mergeCell ref="C393:H393"/>
    <mergeCell ref="I393:N393"/>
    <mergeCell ref="O393:T393"/>
    <mergeCell ref="A391:A394"/>
    <mergeCell ref="C382:H382"/>
    <mergeCell ref="O382:S382"/>
    <mergeCell ref="T382:W382"/>
    <mergeCell ref="O383:S383"/>
    <mergeCell ref="T383:W383"/>
    <mergeCell ref="I382:N382"/>
    <mergeCell ref="I383:N383"/>
    <mergeCell ref="C383:H383"/>
    <mergeCell ref="C384:H384"/>
    <mergeCell ref="I384:N384"/>
    <mergeCell ref="O384:S384"/>
    <mergeCell ref="T384:W384"/>
    <mergeCell ref="A386:A390"/>
    <mergeCell ref="C388:H388"/>
    <mergeCell ref="I388:N388"/>
    <mergeCell ref="O388:S388"/>
    <mergeCell ref="C389:H389"/>
    <mergeCell ref="I389:N389"/>
    <mergeCell ref="C365:H365"/>
    <mergeCell ref="I365:P365"/>
    <mergeCell ref="Q365:S365"/>
    <mergeCell ref="T365:X365"/>
    <mergeCell ref="Y365:AC365"/>
    <mergeCell ref="AD365:AH365"/>
    <mergeCell ref="A349:A366"/>
    <mergeCell ref="C363:H363"/>
    <mergeCell ref="I363:P363"/>
    <mergeCell ref="Q363:S363"/>
    <mergeCell ref="T363:X363"/>
    <mergeCell ref="Y363:AC363"/>
    <mergeCell ref="AD363:AH363"/>
    <mergeCell ref="C364:H364"/>
    <mergeCell ref="I364:P364"/>
    <mergeCell ref="Q364:S364"/>
    <mergeCell ref="T364:X364"/>
    <mergeCell ref="Y364:AC364"/>
    <mergeCell ref="AD364:AH364"/>
    <mergeCell ref="C361:H361"/>
    <mergeCell ref="I361:P361"/>
    <mergeCell ref="Q361:S361"/>
    <mergeCell ref="T361:X361"/>
    <mergeCell ref="Y361:AC361"/>
    <mergeCell ref="AD361:AH361"/>
    <mergeCell ref="C362:H362"/>
    <mergeCell ref="I362:P362"/>
    <mergeCell ref="Q362:S362"/>
    <mergeCell ref="T362:X362"/>
    <mergeCell ref="Y362:AC362"/>
    <mergeCell ref="AD362:AH362"/>
    <mergeCell ref="C359:H359"/>
    <mergeCell ref="I359:P359"/>
    <mergeCell ref="Q359:S359"/>
    <mergeCell ref="T359:X359"/>
    <mergeCell ref="Y359:AC359"/>
    <mergeCell ref="AD359:AH359"/>
    <mergeCell ref="C360:H360"/>
    <mergeCell ref="I360:P360"/>
    <mergeCell ref="Q360:S360"/>
    <mergeCell ref="T360:X360"/>
    <mergeCell ref="Y360:AC360"/>
    <mergeCell ref="AD360:AH360"/>
    <mergeCell ref="C357:H357"/>
    <mergeCell ref="I357:P357"/>
    <mergeCell ref="Q357:S357"/>
    <mergeCell ref="T357:X357"/>
    <mergeCell ref="Y357:AC357"/>
    <mergeCell ref="AD357:AH357"/>
    <mergeCell ref="C358:H358"/>
    <mergeCell ref="I358:P358"/>
    <mergeCell ref="Q358:S358"/>
    <mergeCell ref="T358:X358"/>
    <mergeCell ref="Y358:AC358"/>
    <mergeCell ref="AD358:AH358"/>
    <mergeCell ref="C355:H355"/>
    <mergeCell ref="I355:P355"/>
    <mergeCell ref="Q355:S355"/>
    <mergeCell ref="T355:X355"/>
    <mergeCell ref="Y355:AC355"/>
    <mergeCell ref="AD355:AH355"/>
    <mergeCell ref="C356:H356"/>
    <mergeCell ref="I356:P356"/>
    <mergeCell ref="Q356:S356"/>
    <mergeCell ref="T356:X356"/>
    <mergeCell ref="Y356:AC356"/>
    <mergeCell ref="AD356:AH356"/>
    <mergeCell ref="C353:H353"/>
    <mergeCell ref="I353:P353"/>
    <mergeCell ref="Q353:S353"/>
    <mergeCell ref="T353:X353"/>
    <mergeCell ref="Y353:AC353"/>
    <mergeCell ref="AD353:AH353"/>
    <mergeCell ref="C354:H354"/>
    <mergeCell ref="I354:P354"/>
    <mergeCell ref="Q354:S354"/>
    <mergeCell ref="T354:X354"/>
    <mergeCell ref="Y354:AC354"/>
    <mergeCell ref="AD354:AH354"/>
    <mergeCell ref="C26:J26"/>
    <mergeCell ref="K26:N26"/>
    <mergeCell ref="O26:R26"/>
    <mergeCell ref="S26:AE26"/>
    <mergeCell ref="C27:J27"/>
    <mergeCell ref="K27:N27"/>
    <mergeCell ref="O27:R27"/>
    <mergeCell ref="S27:AE27"/>
    <mergeCell ref="V128:Y128"/>
    <mergeCell ref="R126:U126"/>
    <mergeCell ref="V126:Y126"/>
    <mergeCell ref="C127:G127"/>
    <mergeCell ref="S341:AA341"/>
    <mergeCell ref="A53:A59"/>
    <mergeCell ref="C30:J30"/>
    <mergeCell ref="K30:N30"/>
    <mergeCell ref="O30:R30"/>
    <mergeCell ref="S30:AE30"/>
    <mergeCell ref="A34:A45"/>
    <mergeCell ref="AB333:AM333"/>
    <mergeCell ref="AB337:AM337"/>
    <mergeCell ref="AB338:AM338"/>
    <mergeCell ref="AB339:AM339"/>
    <mergeCell ref="S333:AA333"/>
    <mergeCell ref="S334:AA334"/>
    <mergeCell ref="S335:AA335"/>
    <mergeCell ref="S336:AA336"/>
    <mergeCell ref="S337:AA337"/>
    <mergeCell ref="S338:AA338"/>
    <mergeCell ref="S339:AA339"/>
    <mergeCell ref="S340:AA340"/>
    <mergeCell ref="E334:R334"/>
    <mergeCell ref="C126:G126"/>
    <mergeCell ref="H126:J126"/>
    <mergeCell ref="K126:Q126"/>
    <mergeCell ref="V132:Y132"/>
    <mergeCell ref="C131:G131"/>
    <mergeCell ref="H131:J131"/>
    <mergeCell ref="K131:Q131"/>
    <mergeCell ref="R131:U131"/>
    <mergeCell ref="V131:Y131"/>
    <mergeCell ref="E342:R342"/>
    <mergeCell ref="E343:R343"/>
    <mergeCell ref="E344:R344"/>
    <mergeCell ref="A327:A348"/>
    <mergeCell ref="Q350:S350"/>
    <mergeCell ref="T350:X350"/>
    <mergeCell ref="Y350:AC350"/>
    <mergeCell ref="AD350:AH350"/>
    <mergeCell ref="I350:P350"/>
    <mergeCell ref="C350:H350"/>
    <mergeCell ref="S342:AA342"/>
    <mergeCell ref="S343:AA343"/>
    <mergeCell ref="S344:AA344"/>
    <mergeCell ref="S345:AA345"/>
    <mergeCell ref="AB342:AM342"/>
    <mergeCell ref="AB344:AM344"/>
    <mergeCell ref="AB345:AM345"/>
    <mergeCell ref="E336:R336"/>
    <mergeCell ref="E337:R337"/>
    <mergeCell ref="E338:R338"/>
    <mergeCell ref="E339:R339"/>
    <mergeCell ref="E335:R335"/>
    <mergeCell ref="E340:R340"/>
    <mergeCell ref="AD351:AH351"/>
    <mergeCell ref="C352:H352"/>
    <mergeCell ref="I352:P352"/>
    <mergeCell ref="Q352:S352"/>
    <mergeCell ref="T352:X352"/>
    <mergeCell ref="Y352:AC352"/>
    <mergeCell ref="AD352:AH352"/>
    <mergeCell ref="AB346:AM346"/>
    <mergeCell ref="AB347:AM347"/>
    <mergeCell ref="S346:AA346"/>
    <mergeCell ref="C346:R346"/>
    <mergeCell ref="C347:D347"/>
    <mergeCell ref="E347:R347"/>
    <mergeCell ref="S347:AA347"/>
    <mergeCell ref="H127:J127"/>
    <mergeCell ref="K127:Q127"/>
    <mergeCell ref="R127:U127"/>
    <mergeCell ref="V127:Y127"/>
    <mergeCell ref="AI350:AL350"/>
    <mergeCell ref="Q351:S351"/>
    <mergeCell ref="I351:P351"/>
    <mergeCell ref="C351:H351"/>
    <mergeCell ref="T351:X351"/>
    <mergeCell ref="Y351:AC351"/>
    <mergeCell ref="E341:R341"/>
    <mergeCell ref="C130:G130"/>
    <mergeCell ref="H130:J130"/>
    <mergeCell ref="K130:Q130"/>
    <mergeCell ref="R130:U130"/>
    <mergeCell ref="V130:Y130"/>
    <mergeCell ref="C129:G129"/>
    <mergeCell ref="H129:J129"/>
    <mergeCell ref="B2:AO2"/>
    <mergeCell ref="W5:AB5"/>
    <mergeCell ref="W6:AB6"/>
    <mergeCell ref="C5:G5"/>
    <mergeCell ref="C6:G6"/>
    <mergeCell ref="H6:L6"/>
    <mergeCell ref="M6:Q6"/>
    <mergeCell ref="T16:W16"/>
    <mergeCell ref="X16:AA16"/>
    <mergeCell ref="X12:AA12"/>
    <mergeCell ref="X14:AA15"/>
    <mergeCell ref="C14:G15"/>
    <mergeCell ref="I14:J14"/>
    <mergeCell ref="I15:J15"/>
    <mergeCell ref="P10:S11"/>
    <mergeCell ref="T10:W15"/>
    <mergeCell ref="C13:G13"/>
    <mergeCell ref="H13:K13"/>
    <mergeCell ref="P13:S13"/>
    <mergeCell ref="L10:O11"/>
    <mergeCell ref="L12:O12"/>
    <mergeCell ref="L13:O13"/>
    <mergeCell ref="L15:O15"/>
    <mergeCell ref="A3:A7"/>
    <mergeCell ref="K25:N25"/>
    <mergeCell ref="O25:R25"/>
    <mergeCell ref="K24:R24"/>
    <mergeCell ref="Q14:R14"/>
    <mergeCell ref="H16:K16"/>
    <mergeCell ref="P16:S16"/>
    <mergeCell ref="R6:V6"/>
    <mergeCell ref="M5:Q5"/>
    <mergeCell ref="H5:L5"/>
    <mergeCell ref="R5:V5"/>
    <mergeCell ref="S24:AE25"/>
    <mergeCell ref="C24:J25"/>
    <mergeCell ref="C16:G16"/>
    <mergeCell ref="H12:K12"/>
    <mergeCell ref="P12:S12"/>
    <mergeCell ref="C12:G12"/>
    <mergeCell ref="X13:AA13"/>
    <mergeCell ref="H10:K11"/>
    <mergeCell ref="C10:G11"/>
    <mergeCell ref="X10:AA11"/>
    <mergeCell ref="L16:O16"/>
    <mergeCell ref="P15:S15"/>
    <mergeCell ref="M14:N14"/>
    <mergeCell ref="X9:Z9"/>
    <mergeCell ref="C28:J28"/>
    <mergeCell ref="K28:N28"/>
    <mergeCell ref="O28:R28"/>
    <mergeCell ref="S28:AE28"/>
    <mergeCell ref="C29:J29"/>
    <mergeCell ref="K29:N29"/>
    <mergeCell ref="O29:R29"/>
    <mergeCell ref="S29:AE29"/>
    <mergeCell ref="C31:J31"/>
    <mergeCell ref="K31:N31"/>
    <mergeCell ref="O31:R31"/>
    <mergeCell ref="S31:AE31"/>
    <mergeCell ref="C32:J32"/>
    <mergeCell ref="K32:N32"/>
    <mergeCell ref="O32:R32"/>
    <mergeCell ref="S32:AE32"/>
    <mergeCell ref="C36:E36"/>
    <mergeCell ref="C37:E37"/>
    <mergeCell ref="A46:A52"/>
    <mergeCell ref="A67:A72"/>
    <mergeCell ref="F36:T36"/>
    <mergeCell ref="F37:T37"/>
    <mergeCell ref="C41:W44"/>
    <mergeCell ref="C47:H47"/>
    <mergeCell ref="C48:H48"/>
    <mergeCell ref="I47:N47"/>
    <mergeCell ref="I48:N48"/>
    <mergeCell ref="O47:T47"/>
    <mergeCell ref="O48:T48"/>
    <mergeCell ref="C50:T51"/>
    <mergeCell ref="C55:X58"/>
    <mergeCell ref="A73:A79"/>
    <mergeCell ref="A60:A66"/>
    <mergeCell ref="V69:Y69"/>
    <mergeCell ref="V70:Y70"/>
    <mergeCell ref="C62:X65"/>
    <mergeCell ref="T81:Y81"/>
    <mergeCell ref="T82:Y82"/>
    <mergeCell ref="C83:G83"/>
    <mergeCell ref="C84:G84"/>
    <mergeCell ref="H83:N84"/>
    <mergeCell ref="O83:S84"/>
    <mergeCell ref="T83:Y83"/>
    <mergeCell ref="T84:Y84"/>
    <mergeCell ref="C81:G81"/>
    <mergeCell ref="C82:G82"/>
    <mergeCell ref="H81:N82"/>
    <mergeCell ref="O81:S81"/>
    <mergeCell ref="O82:S82"/>
    <mergeCell ref="A80:A91"/>
    <mergeCell ref="O69:U69"/>
    <mergeCell ref="O70:U70"/>
    <mergeCell ref="C69:F69"/>
    <mergeCell ref="C70:F70"/>
    <mergeCell ref="G69:N69"/>
    <mergeCell ref="G70:N70"/>
    <mergeCell ref="C75:Y78"/>
    <mergeCell ref="A92:A98"/>
    <mergeCell ref="A99:A105"/>
    <mergeCell ref="C89:G89"/>
    <mergeCell ref="H89:N90"/>
    <mergeCell ref="O89:S90"/>
    <mergeCell ref="T89:Y89"/>
    <mergeCell ref="C90:G90"/>
    <mergeCell ref="T90:Y90"/>
    <mergeCell ref="C87:G87"/>
    <mergeCell ref="H87:N88"/>
    <mergeCell ref="O87:S88"/>
    <mergeCell ref="T87:Y87"/>
    <mergeCell ref="C88:G88"/>
    <mergeCell ref="T88:Y88"/>
    <mergeCell ref="C85:G85"/>
    <mergeCell ref="H85:N86"/>
    <mergeCell ref="O85:S86"/>
    <mergeCell ref="T85:Y85"/>
    <mergeCell ref="C86:G86"/>
    <mergeCell ref="C94:Y97"/>
    <mergeCell ref="C101:Y104"/>
    <mergeCell ref="T86:Y86"/>
    <mergeCell ref="A106:A114"/>
    <mergeCell ref="A115:A124"/>
    <mergeCell ref="C117:G117"/>
    <mergeCell ref="C118:G118"/>
    <mergeCell ref="C119:G119"/>
    <mergeCell ref="C120:G120"/>
    <mergeCell ref="C121:G121"/>
    <mergeCell ref="C122:G122"/>
    <mergeCell ref="C123:G123"/>
    <mergeCell ref="Q107:Y107"/>
    <mergeCell ref="H108:P108"/>
    <mergeCell ref="H109:P109"/>
    <mergeCell ref="Q108:Y108"/>
    <mergeCell ref="Q109:Y109"/>
    <mergeCell ref="C107:G107"/>
    <mergeCell ref="C108:G108"/>
    <mergeCell ref="C109:G109"/>
    <mergeCell ref="H107:P107"/>
    <mergeCell ref="C112:G112"/>
    <mergeCell ref="C113:G113"/>
    <mergeCell ref="H112:P112"/>
    <mergeCell ref="H113:P113"/>
    <mergeCell ref="H117:Y117"/>
    <mergeCell ref="H118:Y119"/>
    <mergeCell ref="H120:Y121"/>
    <mergeCell ref="H122:Y123"/>
    <mergeCell ref="K129:Q129"/>
    <mergeCell ref="R129:U129"/>
    <mergeCell ref="V129:Y129"/>
    <mergeCell ref="C128:G128"/>
    <mergeCell ref="H128:J128"/>
    <mergeCell ref="K128:Q128"/>
    <mergeCell ref="R128:U128"/>
    <mergeCell ref="V135:Y135"/>
    <mergeCell ref="C134:G134"/>
    <mergeCell ref="H134:J134"/>
    <mergeCell ref="K134:Q134"/>
    <mergeCell ref="R134:U134"/>
    <mergeCell ref="V134:Y134"/>
    <mergeCell ref="C133:G133"/>
    <mergeCell ref="H133:J133"/>
    <mergeCell ref="K133:Q133"/>
    <mergeCell ref="R133:U133"/>
    <mergeCell ref="V133:Y133"/>
    <mergeCell ref="V138:Y138"/>
    <mergeCell ref="C137:G137"/>
    <mergeCell ref="H137:J137"/>
    <mergeCell ref="K137:Q137"/>
    <mergeCell ref="R137:U137"/>
    <mergeCell ref="V137:Y137"/>
    <mergeCell ref="C136:G136"/>
    <mergeCell ref="H136:J136"/>
    <mergeCell ref="K136:Q136"/>
    <mergeCell ref="R136:U136"/>
    <mergeCell ref="V136:Y136"/>
    <mergeCell ref="V141:Y141"/>
    <mergeCell ref="C140:G140"/>
    <mergeCell ref="H140:J140"/>
    <mergeCell ref="K140:Q140"/>
    <mergeCell ref="R140:U140"/>
    <mergeCell ref="V140:Y140"/>
    <mergeCell ref="C139:G139"/>
    <mergeCell ref="H139:J139"/>
    <mergeCell ref="K139:Q139"/>
    <mergeCell ref="R139:U139"/>
    <mergeCell ref="V139:Y139"/>
    <mergeCell ref="A125:A142"/>
    <mergeCell ref="C145:E145"/>
    <mergeCell ref="C146:E146"/>
    <mergeCell ref="C147:E147"/>
    <mergeCell ref="A143:A148"/>
    <mergeCell ref="C141:G141"/>
    <mergeCell ref="H141:J141"/>
    <mergeCell ref="K141:Q141"/>
    <mergeCell ref="R141:U141"/>
    <mergeCell ref="C138:G138"/>
    <mergeCell ref="H138:J138"/>
    <mergeCell ref="K138:Q138"/>
    <mergeCell ref="R138:U138"/>
    <mergeCell ref="C135:G135"/>
    <mergeCell ref="H135:J135"/>
    <mergeCell ref="K135:Q135"/>
    <mergeCell ref="R135:U135"/>
    <mergeCell ref="C132:G132"/>
    <mergeCell ref="H132:J132"/>
    <mergeCell ref="K132:Q132"/>
    <mergeCell ref="R132:U132"/>
    <mergeCell ref="O145:R145"/>
    <mergeCell ref="O146:R146"/>
    <mergeCell ref="O147:R147"/>
    <mergeCell ref="S145:X145"/>
    <mergeCell ref="S146:X146"/>
    <mergeCell ref="S147:X147"/>
    <mergeCell ref="F145:I145"/>
    <mergeCell ref="F146:I146"/>
    <mergeCell ref="F147:I147"/>
    <mergeCell ref="J145:N145"/>
    <mergeCell ref="J146:N146"/>
    <mergeCell ref="A161:A164"/>
    <mergeCell ref="C166:M166"/>
    <mergeCell ref="C167:M167"/>
    <mergeCell ref="C168:M168"/>
    <mergeCell ref="C169:M169"/>
    <mergeCell ref="A165:A171"/>
    <mergeCell ref="C163:H163"/>
    <mergeCell ref="O162:T162"/>
    <mergeCell ref="I163:N163"/>
    <mergeCell ref="U162:Z162"/>
    <mergeCell ref="O163:T163"/>
    <mergeCell ref="C162:H162"/>
    <mergeCell ref="J147:N147"/>
    <mergeCell ref="A154:A160"/>
    <mergeCell ref="C156:G156"/>
    <mergeCell ref="C157:G157"/>
    <mergeCell ref="C158:G158"/>
    <mergeCell ref="C159:G159"/>
    <mergeCell ref="C151:I151"/>
    <mergeCell ref="J151:N151"/>
    <mergeCell ref="O151:X151"/>
    <mergeCell ref="C152:I152"/>
    <mergeCell ref="J152:N152"/>
    <mergeCell ref="O152:X152"/>
    <mergeCell ref="A149:A153"/>
    <mergeCell ref="U156:X156"/>
    <mergeCell ref="U157:X157"/>
    <mergeCell ref="U158:X158"/>
    <mergeCell ref="H159:X159"/>
    <mergeCell ref="O182:U182"/>
    <mergeCell ref="O183:U183"/>
    <mergeCell ref="C181:H181"/>
    <mergeCell ref="C182:H182"/>
    <mergeCell ref="I162:N162"/>
    <mergeCell ref="H156:Q156"/>
    <mergeCell ref="H157:Q157"/>
    <mergeCell ref="H158:Q158"/>
    <mergeCell ref="R156:T156"/>
    <mergeCell ref="R157:T157"/>
    <mergeCell ref="R158:T158"/>
    <mergeCell ref="C170:M170"/>
    <mergeCell ref="N166:X166"/>
    <mergeCell ref="N167:X167"/>
    <mergeCell ref="N168:X168"/>
    <mergeCell ref="N169:X169"/>
    <mergeCell ref="N170:X170"/>
    <mergeCell ref="T210:W210"/>
    <mergeCell ref="C214:C216"/>
    <mergeCell ref="D214:G214"/>
    <mergeCell ref="H214:K214"/>
    <mergeCell ref="A172:A177"/>
    <mergeCell ref="C174:G174"/>
    <mergeCell ref="P174:W174"/>
    <mergeCell ref="H174:O174"/>
    <mergeCell ref="H175:O175"/>
    <mergeCell ref="H176:O176"/>
    <mergeCell ref="P175:W175"/>
    <mergeCell ref="P176:W176"/>
    <mergeCell ref="C175:G176"/>
    <mergeCell ref="V180:X180"/>
    <mergeCell ref="V181:X181"/>
    <mergeCell ref="V182:X182"/>
    <mergeCell ref="V183:X183"/>
    <mergeCell ref="A185:A190"/>
    <mergeCell ref="C186:K186"/>
    <mergeCell ref="C187:K187"/>
    <mergeCell ref="C188:K188"/>
    <mergeCell ref="C189:K189"/>
    <mergeCell ref="L186:S186"/>
    <mergeCell ref="L187:S187"/>
    <mergeCell ref="L188:S188"/>
    <mergeCell ref="L189:S189"/>
    <mergeCell ref="I180:N180"/>
    <mergeCell ref="I181:N181"/>
    <mergeCell ref="I182:N182"/>
    <mergeCell ref="I183:N183"/>
    <mergeCell ref="O180:U180"/>
    <mergeCell ref="O181:U181"/>
    <mergeCell ref="H205:K205"/>
    <mergeCell ref="H206:K206"/>
    <mergeCell ref="H207:K207"/>
    <mergeCell ref="Y204:AC204"/>
    <mergeCell ref="C183:H183"/>
    <mergeCell ref="A199:A202"/>
    <mergeCell ref="C204:G204"/>
    <mergeCell ref="H204:K204"/>
    <mergeCell ref="L204:O204"/>
    <mergeCell ref="P204:S204"/>
    <mergeCell ref="T204:W204"/>
    <mergeCell ref="D205:G205"/>
    <mergeCell ref="C197:M197"/>
    <mergeCell ref="A191:A198"/>
    <mergeCell ref="N192:U192"/>
    <mergeCell ref="N193:U193"/>
    <mergeCell ref="N194:U194"/>
    <mergeCell ref="N195:U195"/>
    <mergeCell ref="N196:U196"/>
    <mergeCell ref="N197:U197"/>
    <mergeCell ref="C192:M192"/>
    <mergeCell ref="C193:M193"/>
    <mergeCell ref="C194:M194"/>
    <mergeCell ref="C195:M195"/>
    <mergeCell ref="C196:M196"/>
    <mergeCell ref="A203:A224"/>
    <mergeCell ref="A178:A184"/>
    <mergeCell ref="C180:H180"/>
    <mergeCell ref="D210:G210"/>
    <mergeCell ref="H210:K210"/>
    <mergeCell ref="L210:O210"/>
    <mergeCell ref="P210:S210"/>
    <mergeCell ref="AD209:AG209"/>
    <mergeCell ref="AH209:AK209"/>
    <mergeCell ref="AL209:AO209"/>
    <mergeCell ref="AP209:AS209"/>
    <mergeCell ref="D209:G209"/>
    <mergeCell ref="H209:K209"/>
    <mergeCell ref="L209:O209"/>
    <mergeCell ref="P209:S209"/>
    <mergeCell ref="AL210:AO210"/>
    <mergeCell ref="AP210:AS210"/>
    <mergeCell ref="AD204:AG204"/>
    <mergeCell ref="AH204:AK204"/>
    <mergeCell ref="AL204:AO204"/>
    <mergeCell ref="AP204:AS204"/>
    <mergeCell ref="C200:G200"/>
    <mergeCell ref="H200:L200"/>
    <mergeCell ref="M200:S200"/>
    <mergeCell ref="T200:X200"/>
    <mergeCell ref="C201:G201"/>
    <mergeCell ref="H201:L201"/>
    <mergeCell ref="M201:S201"/>
    <mergeCell ref="T201:X201"/>
    <mergeCell ref="AD205:AG205"/>
    <mergeCell ref="AH205:AK205"/>
    <mergeCell ref="AL205:AO205"/>
    <mergeCell ref="AP205:AS205"/>
    <mergeCell ref="Z206:AC206"/>
    <mergeCell ref="AD206:AG206"/>
    <mergeCell ref="AH206:AK206"/>
    <mergeCell ref="AL206:AO206"/>
    <mergeCell ref="AP206:AS206"/>
    <mergeCell ref="Z205:AC205"/>
    <mergeCell ref="AD212:AG212"/>
    <mergeCell ref="AH212:AK212"/>
    <mergeCell ref="AL212:AO212"/>
    <mergeCell ref="AP212:AS212"/>
    <mergeCell ref="T211:W211"/>
    <mergeCell ref="Y211:Y213"/>
    <mergeCell ref="Z211:AC211"/>
    <mergeCell ref="AD211:AG211"/>
    <mergeCell ref="AH211:AK211"/>
    <mergeCell ref="T213:W213"/>
    <mergeCell ref="Z213:AC213"/>
    <mergeCell ref="AD213:AG213"/>
    <mergeCell ref="AH213:AK213"/>
    <mergeCell ref="D211:G211"/>
    <mergeCell ref="AL213:AO213"/>
    <mergeCell ref="AP213:AS213"/>
    <mergeCell ref="AL207:AO207"/>
    <mergeCell ref="AP207:AS207"/>
    <mergeCell ref="D208:G208"/>
    <mergeCell ref="H208:K208"/>
    <mergeCell ref="L208:O208"/>
    <mergeCell ref="P208:S208"/>
    <mergeCell ref="T208:W208"/>
    <mergeCell ref="Y208:Y210"/>
    <mergeCell ref="Z208:AC208"/>
    <mergeCell ref="AD208:AG208"/>
    <mergeCell ref="AH208:AK208"/>
    <mergeCell ref="AL208:AO208"/>
    <mergeCell ref="AP208:AS208"/>
    <mergeCell ref="L207:O207"/>
    <mergeCell ref="P207:S207"/>
    <mergeCell ref="T207:W207"/>
    <mergeCell ref="AD214:AG214"/>
    <mergeCell ref="AH214:AK214"/>
    <mergeCell ref="AL214:AO214"/>
    <mergeCell ref="AP214:AS214"/>
    <mergeCell ref="D215:G215"/>
    <mergeCell ref="H215:K215"/>
    <mergeCell ref="C211:C213"/>
    <mergeCell ref="P211:S211"/>
    <mergeCell ref="D213:G213"/>
    <mergeCell ref="H213:K213"/>
    <mergeCell ref="L213:O213"/>
    <mergeCell ref="P213:S213"/>
    <mergeCell ref="AH215:AK215"/>
    <mergeCell ref="AL215:AO215"/>
    <mergeCell ref="AP215:AS215"/>
    <mergeCell ref="D216:G216"/>
    <mergeCell ref="H216:K216"/>
    <mergeCell ref="L216:O216"/>
    <mergeCell ref="P216:S216"/>
    <mergeCell ref="T216:W216"/>
    <mergeCell ref="AL216:AO216"/>
    <mergeCell ref="AP216:AS216"/>
    <mergeCell ref="L215:O215"/>
    <mergeCell ref="P215:S215"/>
    <mergeCell ref="T215:W215"/>
    <mergeCell ref="Z215:AC215"/>
    <mergeCell ref="AD215:AG215"/>
    <mergeCell ref="AL211:AO211"/>
    <mergeCell ref="AP211:AS211"/>
    <mergeCell ref="D212:G212"/>
    <mergeCell ref="H212:K212"/>
    <mergeCell ref="L212:O212"/>
    <mergeCell ref="AP222:AS222"/>
    <mergeCell ref="AL217:AO217"/>
    <mergeCell ref="AP217:AS217"/>
    <mergeCell ref="D218:G218"/>
    <mergeCell ref="H218:K218"/>
    <mergeCell ref="L218:O218"/>
    <mergeCell ref="P218:S218"/>
    <mergeCell ref="T218:W218"/>
    <mergeCell ref="Z218:AC218"/>
    <mergeCell ref="AD218:AG218"/>
    <mergeCell ref="AH218:AK218"/>
    <mergeCell ref="AL218:AO218"/>
    <mergeCell ref="AP218:AS218"/>
    <mergeCell ref="T217:W217"/>
    <mergeCell ref="Y217:Y219"/>
    <mergeCell ref="Z217:AC217"/>
    <mergeCell ref="AD217:AG217"/>
    <mergeCell ref="AH217:AK217"/>
    <mergeCell ref="T219:W219"/>
    <mergeCell ref="Z219:AC219"/>
    <mergeCell ref="AD219:AG219"/>
    <mergeCell ref="AH219:AK219"/>
    <mergeCell ref="D217:G217"/>
    <mergeCell ref="AL219:AO219"/>
    <mergeCell ref="AP219:AS219"/>
    <mergeCell ref="AD210:AG210"/>
    <mergeCell ref="C220:C222"/>
    <mergeCell ref="D220:G220"/>
    <mergeCell ref="H220:K220"/>
    <mergeCell ref="L220:O220"/>
    <mergeCell ref="P220:S220"/>
    <mergeCell ref="T220:W220"/>
    <mergeCell ref="Y220:Y222"/>
    <mergeCell ref="Z220:AC220"/>
    <mergeCell ref="AD220:AG220"/>
    <mergeCell ref="AH220:AK220"/>
    <mergeCell ref="AL220:AO220"/>
    <mergeCell ref="AP220:AS220"/>
    <mergeCell ref="D221:G221"/>
    <mergeCell ref="H221:K221"/>
    <mergeCell ref="C217:C219"/>
    <mergeCell ref="P217:S217"/>
    <mergeCell ref="D219:G219"/>
    <mergeCell ref="H219:K219"/>
    <mergeCell ref="L219:O219"/>
    <mergeCell ref="P219:S219"/>
    <mergeCell ref="AL221:AO221"/>
    <mergeCell ref="AP221:AS221"/>
    <mergeCell ref="D222:G222"/>
    <mergeCell ref="H222:K222"/>
    <mergeCell ref="L222:O222"/>
    <mergeCell ref="P222:S222"/>
    <mergeCell ref="T222:W222"/>
    <mergeCell ref="Z222:AC222"/>
    <mergeCell ref="AD222:AG222"/>
    <mergeCell ref="AH222:AK222"/>
    <mergeCell ref="AL222:AO222"/>
    <mergeCell ref="C228:E229"/>
    <mergeCell ref="Z228:AC228"/>
    <mergeCell ref="Z229:AC229"/>
    <mergeCell ref="Z210:AC210"/>
    <mergeCell ref="Z209:AC209"/>
    <mergeCell ref="L206:O206"/>
    <mergeCell ref="P206:S206"/>
    <mergeCell ref="T206:W206"/>
    <mergeCell ref="D206:G206"/>
    <mergeCell ref="D207:G207"/>
    <mergeCell ref="H211:K211"/>
    <mergeCell ref="L211:O211"/>
    <mergeCell ref="T209:W209"/>
    <mergeCell ref="L214:O214"/>
    <mergeCell ref="P214:S214"/>
    <mergeCell ref="T214:W214"/>
    <mergeCell ref="Y214:Y216"/>
    <mergeCell ref="Z214:AC214"/>
    <mergeCell ref="P212:S212"/>
    <mergeCell ref="R226:U226"/>
    <mergeCell ref="R227:U227"/>
    <mergeCell ref="Z226:AC226"/>
    <mergeCell ref="Z227:AC227"/>
    <mergeCell ref="T212:W212"/>
    <mergeCell ref="Z212:AC212"/>
    <mergeCell ref="C208:C210"/>
    <mergeCell ref="Y205:Y207"/>
    <mergeCell ref="Z207:AC207"/>
    <mergeCell ref="L205:O205"/>
    <mergeCell ref="P205:S205"/>
    <mergeCell ref="T205:W205"/>
    <mergeCell ref="C205:C207"/>
    <mergeCell ref="AD226:AG226"/>
    <mergeCell ref="AD227:AG227"/>
    <mergeCell ref="H217:K217"/>
    <mergeCell ref="L217:O217"/>
    <mergeCell ref="Z216:AC216"/>
    <mergeCell ref="J233:M233"/>
    <mergeCell ref="R231:U231"/>
    <mergeCell ref="R232:U232"/>
    <mergeCell ref="R233:U233"/>
    <mergeCell ref="Z231:AC231"/>
    <mergeCell ref="Z232:AC232"/>
    <mergeCell ref="Z233:AC233"/>
    <mergeCell ref="AD231:AK231"/>
    <mergeCell ref="AD216:AG216"/>
    <mergeCell ref="AH216:AK216"/>
    <mergeCell ref="V227:Y227"/>
    <mergeCell ref="V228:Y228"/>
    <mergeCell ref="V229:Y229"/>
    <mergeCell ref="L221:O221"/>
    <mergeCell ref="P221:S221"/>
    <mergeCell ref="T221:W221"/>
    <mergeCell ref="Z221:AC221"/>
    <mergeCell ref="AD221:AG221"/>
    <mergeCell ref="J228:M228"/>
    <mergeCell ref="J229:M229"/>
    <mergeCell ref="N226:Q226"/>
    <mergeCell ref="N227:Q227"/>
    <mergeCell ref="N228:Q228"/>
    <mergeCell ref="N229:Q229"/>
    <mergeCell ref="F228:I228"/>
    <mergeCell ref="F229:I229"/>
    <mergeCell ref="AH210:AK210"/>
    <mergeCell ref="AD207:AG207"/>
    <mergeCell ref="AH207:AK207"/>
    <mergeCell ref="A225:A236"/>
    <mergeCell ref="Q239:W239"/>
    <mergeCell ref="Q240:W240"/>
    <mergeCell ref="C231:I231"/>
    <mergeCell ref="C232:I232"/>
    <mergeCell ref="C233:E235"/>
    <mergeCell ref="F233:I233"/>
    <mergeCell ref="V231:Y231"/>
    <mergeCell ref="V232:Y232"/>
    <mergeCell ref="V233:Y233"/>
    <mergeCell ref="N231:Q231"/>
    <mergeCell ref="N232:Q232"/>
    <mergeCell ref="N233:Q233"/>
    <mergeCell ref="AH228:AK228"/>
    <mergeCell ref="AH229:AK229"/>
    <mergeCell ref="J231:M231"/>
    <mergeCell ref="J232:M232"/>
    <mergeCell ref="AD228:AG228"/>
    <mergeCell ref="AD229:AG229"/>
    <mergeCell ref="R228:U228"/>
    <mergeCell ref="R229:U229"/>
    <mergeCell ref="V226:Y226"/>
    <mergeCell ref="AH226:AK226"/>
    <mergeCell ref="AH227:AK227"/>
    <mergeCell ref="AH221:AK221"/>
    <mergeCell ref="C226:I226"/>
    <mergeCell ref="C227:I227"/>
    <mergeCell ref="J226:M226"/>
    <mergeCell ref="J227:M227"/>
    <mergeCell ref="Q241:W241"/>
    <mergeCell ref="Q242:W242"/>
    <mergeCell ref="Q243:W243"/>
    <mergeCell ref="C246:W246"/>
    <mergeCell ref="A245:A247"/>
    <mergeCell ref="A237:A244"/>
    <mergeCell ref="C238:F238"/>
    <mergeCell ref="C239:F239"/>
    <mergeCell ref="C240:F240"/>
    <mergeCell ref="C241:F241"/>
    <mergeCell ref="C242:F242"/>
    <mergeCell ref="C243:F243"/>
    <mergeCell ref="G238:P238"/>
    <mergeCell ref="G239:P239"/>
    <mergeCell ref="G240:P240"/>
    <mergeCell ref="G241:P241"/>
    <mergeCell ref="G242:P242"/>
    <mergeCell ref="G243:P243"/>
    <mergeCell ref="Q238:W238"/>
    <mergeCell ref="C254:I254"/>
    <mergeCell ref="J254:O254"/>
    <mergeCell ref="P254:V254"/>
    <mergeCell ref="C255:I255"/>
    <mergeCell ref="J255:O255"/>
    <mergeCell ref="P255:V255"/>
    <mergeCell ref="A248:A256"/>
    <mergeCell ref="C250:I250"/>
    <mergeCell ref="C251:I251"/>
    <mergeCell ref="J250:O250"/>
    <mergeCell ref="J251:O251"/>
    <mergeCell ref="P250:V250"/>
    <mergeCell ref="P251:V251"/>
    <mergeCell ref="A257:A263"/>
    <mergeCell ref="C266:I266"/>
    <mergeCell ref="J266:O266"/>
    <mergeCell ref="P266:V266"/>
    <mergeCell ref="C267:I267"/>
    <mergeCell ref="J267:O267"/>
    <mergeCell ref="P267:V267"/>
    <mergeCell ref="A264:A272"/>
    <mergeCell ref="C261:I261"/>
    <mergeCell ref="J261:O261"/>
    <mergeCell ref="P261:V261"/>
    <mergeCell ref="C259:I259"/>
    <mergeCell ref="J259:O259"/>
    <mergeCell ref="P259:V259"/>
    <mergeCell ref="C260:I260"/>
    <mergeCell ref="J260:O260"/>
    <mergeCell ref="P260:V260"/>
    <mergeCell ref="A273:A276"/>
    <mergeCell ref="I274:L274"/>
    <mergeCell ref="I275:L275"/>
    <mergeCell ref="C270:I270"/>
    <mergeCell ref="J270:O270"/>
    <mergeCell ref="P270:V270"/>
    <mergeCell ref="C271:I271"/>
    <mergeCell ref="J271:O271"/>
    <mergeCell ref="P271:V271"/>
    <mergeCell ref="M274:V275"/>
    <mergeCell ref="C274:H275"/>
    <mergeCell ref="C278:E278"/>
    <mergeCell ref="C279:J279"/>
    <mergeCell ref="F278:J278"/>
    <mergeCell ref="K278:M278"/>
    <mergeCell ref="N278:W278"/>
    <mergeCell ref="K279:R279"/>
    <mergeCell ref="S279:W279"/>
    <mergeCell ref="K289:W289"/>
    <mergeCell ref="C287:J288"/>
    <mergeCell ref="C289:J289"/>
    <mergeCell ref="A285:A290"/>
    <mergeCell ref="C292:K292"/>
    <mergeCell ref="L292:W292"/>
    <mergeCell ref="A291:A293"/>
    <mergeCell ref="A277:A284"/>
    <mergeCell ref="K287:W287"/>
    <mergeCell ref="K288:W288"/>
    <mergeCell ref="K280:M280"/>
    <mergeCell ref="K281:M281"/>
    <mergeCell ref="N280:W281"/>
    <mergeCell ref="C280:J281"/>
    <mergeCell ref="C282:J283"/>
    <mergeCell ref="K282:M282"/>
    <mergeCell ref="N282:W283"/>
    <mergeCell ref="K283:M283"/>
    <mergeCell ref="C299:F299"/>
    <mergeCell ref="G298:Y298"/>
    <mergeCell ref="G299:Y299"/>
    <mergeCell ref="A297:A300"/>
    <mergeCell ref="C302:I302"/>
    <mergeCell ref="A301:A307"/>
    <mergeCell ref="C295:J295"/>
    <mergeCell ref="K295:W295"/>
    <mergeCell ref="A294:A296"/>
    <mergeCell ref="C298:F298"/>
    <mergeCell ref="C303:I303"/>
    <mergeCell ref="C304:I304"/>
    <mergeCell ref="C305:I305"/>
    <mergeCell ref="C306:I306"/>
    <mergeCell ref="J302:X302"/>
    <mergeCell ref="J303:X303"/>
    <mergeCell ref="J304:X304"/>
    <mergeCell ref="J305:X305"/>
    <mergeCell ref="J306:X306"/>
    <mergeCell ref="U312:Y312"/>
    <mergeCell ref="A308:A313"/>
    <mergeCell ref="I317:L317"/>
    <mergeCell ref="I316:L316"/>
    <mergeCell ref="D316:H317"/>
    <mergeCell ref="D315:L315"/>
    <mergeCell ref="A314:A326"/>
    <mergeCell ref="U309:Y309"/>
    <mergeCell ref="U310:Y310"/>
    <mergeCell ref="F310:T310"/>
    <mergeCell ref="F311:T311"/>
    <mergeCell ref="U311:Y311"/>
    <mergeCell ref="C309:E309"/>
    <mergeCell ref="C310:E310"/>
    <mergeCell ref="C311:E311"/>
    <mergeCell ref="C312:E312"/>
    <mergeCell ref="F309:T309"/>
    <mergeCell ref="F312:T312"/>
    <mergeCell ref="D318:H319"/>
    <mergeCell ref="I318:L318"/>
    <mergeCell ref="I319:L319"/>
    <mergeCell ref="C315:C319"/>
    <mergeCell ref="M315:U315"/>
    <mergeCell ref="M316:U316"/>
    <mergeCell ref="M317:U317"/>
    <mergeCell ref="M318:U318"/>
    <mergeCell ref="M319:U319"/>
    <mergeCell ref="E332:R332"/>
    <mergeCell ref="AB334:AM334"/>
    <mergeCell ref="AB340:AM340"/>
    <mergeCell ref="AB341:AM341"/>
    <mergeCell ref="AB343:AM343"/>
    <mergeCell ref="AB335:AM335"/>
    <mergeCell ref="AB336:AM336"/>
    <mergeCell ref="E345:R345"/>
    <mergeCell ref="C333:D345"/>
    <mergeCell ref="E333:R333"/>
    <mergeCell ref="C321:C325"/>
    <mergeCell ref="D321:L321"/>
    <mergeCell ref="M321:U321"/>
    <mergeCell ref="D322:H323"/>
    <mergeCell ref="I322:L322"/>
    <mergeCell ref="M322:U322"/>
    <mergeCell ref="I323:L323"/>
    <mergeCell ref="M323:U323"/>
    <mergeCell ref="D324:H325"/>
    <mergeCell ref="I324:L324"/>
    <mergeCell ref="M324:U324"/>
    <mergeCell ref="I325:L325"/>
    <mergeCell ref="M325:U325"/>
    <mergeCell ref="C432:U434"/>
    <mergeCell ref="A431:A435"/>
    <mergeCell ref="AC419:AF419"/>
    <mergeCell ref="C420:H420"/>
    <mergeCell ref="I420:L420"/>
    <mergeCell ref="M420:P420"/>
    <mergeCell ref="Q420:U420"/>
    <mergeCell ref="V420:X420"/>
    <mergeCell ref="Y420:AB420"/>
    <mergeCell ref="AC420:AF420"/>
    <mergeCell ref="AB328:AM328"/>
    <mergeCell ref="AB329:AM329"/>
    <mergeCell ref="AB330:AM330"/>
    <mergeCell ref="AB331:AM331"/>
    <mergeCell ref="AB332:AM332"/>
    <mergeCell ref="S328:AA328"/>
    <mergeCell ref="S329:AA329"/>
    <mergeCell ref="S330:AA330"/>
    <mergeCell ref="S331:AA331"/>
    <mergeCell ref="S332:AA332"/>
    <mergeCell ref="C418:H418"/>
    <mergeCell ref="I418:L418"/>
    <mergeCell ref="M418:P418"/>
    <mergeCell ref="V418:X418"/>
    <mergeCell ref="Y418:AB418"/>
    <mergeCell ref="AC418:AF418"/>
    <mergeCell ref="Q418:U418"/>
    <mergeCell ref="C328:R328"/>
    <mergeCell ref="C329:D332"/>
    <mergeCell ref="E329:R329"/>
    <mergeCell ref="E330:R330"/>
    <mergeCell ref="E331:R331"/>
    <mergeCell ref="C471:U475"/>
    <mergeCell ref="A469:A476"/>
    <mergeCell ref="C478:U487"/>
    <mergeCell ref="A477:A488"/>
    <mergeCell ref="C376:D376"/>
    <mergeCell ref="E376:U376"/>
    <mergeCell ref="A371:A379"/>
    <mergeCell ref="C378:D378"/>
    <mergeCell ref="E378:U378"/>
    <mergeCell ref="A380:A385"/>
    <mergeCell ref="C368:H369"/>
    <mergeCell ref="I368:U369"/>
    <mergeCell ref="A367:A370"/>
    <mergeCell ref="C377:D377"/>
    <mergeCell ref="E377:U377"/>
    <mergeCell ref="K372:U372"/>
    <mergeCell ref="I372:J372"/>
    <mergeCell ref="K373:U373"/>
    <mergeCell ref="K374:U375"/>
    <mergeCell ref="I373:J373"/>
    <mergeCell ref="I374:J375"/>
    <mergeCell ref="E372:H375"/>
    <mergeCell ref="C372:D375"/>
    <mergeCell ref="C438:F438"/>
    <mergeCell ref="C439:F439"/>
    <mergeCell ref="C440:F440"/>
    <mergeCell ref="G438:I438"/>
    <mergeCell ref="G439:I439"/>
    <mergeCell ref="G440:I440"/>
    <mergeCell ref="J438:X438"/>
    <mergeCell ref="J439:X439"/>
    <mergeCell ref="J440:X440"/>
    <mergeCell ref="F234:I235"/>
    <mergeCell ref="J234:M235"/>
    <mergeCell ref="N234:Q235"/>
    <mergeCell ref="R234:U235"/>
    <mergeCell ref="V234:Y235"/>
    <mergeCell ref="Z234:AC235"/>
    <mergeCell ref="AD234:AE235"/>
    <mergeCell ref="AF234:AK235"/>
    <mergeCell ref="AD232:AE232"/>
    <mergeCell ref="AD233:AE233"/>
    <mergeCell ref="AF232:AK232"/>
    <mergeCell ref="AF233:AK233"/>
    <mergeCell ref="A8:A33"/>
    <mergeCell ref="A458:A462"/>
    <mergeCell ref="C459:U461"/>
    <mergeCell ref="A463:A468"/>
    <mergeCell ref="C464:U467"/>
    <mergeCell ref="A436:A443"/>
    <mergeCell ref="C441:X442"/>
    <mergeCell ref="C428:H428"/>
    <mergeCell ref="I428:L428"/>
    <mergeCell ref="R428:V428"/>
    <mergeCell ref="C429:H429"/>
    <mergeCell ref="I429:L429"/>
    <mergeCell ref="R429:V429"/>
    <mergeCell ref="A427:A430"/>
    <mergeCell ref="W428:AA428"/>
    <mergeCell ref="W429:AA429"/>
    <mergeCell ref="AB428:AF428"/>
    <mergeCell ref="AB429:AF429"/>
    <mergeCell ref="M428:Q428"/>
    <mergeCell ref="M429:Q429"/>
  </mergeCells>
  <phoneticPr fontId="2"/>
  <conditionalFormatting sqref="C48 I48 O48">
    <cfRule type="containsBlanks" dxfId="3" priority="10">
      <formula>LEN(TRIM(C48))=0</formula>
    </cfRule>
  </conditionalFormatting>
  <conditionalFormatting sqref="L12 H12:L13 P12:P13">
    <cfRule type="containsBlanks" dxfId="2" priority="3">
      <formula>LEN(TRIM(H12))=0</formula>
    </cfRule>
  </conditionalFormatting>
  <conditionalFormatting sqref="L15">
    <cfRule type="cellIs" dxfId="1" priority="1" operator="equal">
      <formula>5</formula>
    </cfRule>
  </conditionalFormatting>
  <conditionalFormatting sqref="X9 AA9">
    <cfRule type="containsBlanks" dxfId="0" priority="7">
      <formula>LEN(TRIM(X9))=0</formula>
    </cfRule>
  </conditionalFormatting>
  <dataValidations count="1">
    <dataValidation type="list" allowBlank="1" showInputMessage="1" showErrorMessage="1" sqref="L15" xr:uid="{0D1B003A-D9AC-47A7-AF71-AFE3D1BE55C2}">
      <formula1>"5,6"</formula1>
    </dataValidation>
  </dataValidations>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46436" r:id="rId4" name="Check Box 4">
              <controlPr defaultSize="0" autoFill="0" autoLine="0" autoPict="0">
                <anchor moveWithCells="1">
                  <from>
                    <xdr:col>2</xdr:col>
                    <xdr:colOff>104775</xdr:colOff>
                    <xdr:row>372</xdr:row>
                    <xdr:rowOff>104775</xdr:rowOff>
                  </from>
                  <to>
                    <xdr:col>3</xdr:col>
                    <xdr:colOff>104775</xdr:colOff>
                    <xdr:row>373</xdr:row>
                    <xdr:rowOff>133350</xdr:rowOff>
                  </to>
                </anchor>
              </controlPr>
            </control>
          </mc:Choice>
        </mc:AlternateContent>
        <mc:AlternateContent xmlns:mc="http://schemas.openxmlformats.org/markup-compatibility/2006">
          <mc:Choice Requires="x14">
            <control shapeId="146437" r:id="rId5" name="Check Box 5">
              <controlPr defaultSize="0" autoFill="0" autoLine="0" autoPict="0">
                <anchor moveWithCells="1">
                  <from>
                    <xdr:col>2</xdr:col>
                    <xdr:colOff>114300</xdr:colOff>
                    <xdr:row>374</xdr:row>
                    <xdr:rowOff>209550</xdr:rowOff>
                  </from>
                  <to>
                    <xdr:col>3</xdr:col>
                    <xdr:colOff>114300</xdr:colOff>
                    <xdr:row>376</xdr:row>
                    <xdr:rowOff>9525</xdr:rowOff>
                  </to>
                </anchor>
              </controlPr>
            </control>
          </mc:Choice>
        </mc:AlternateContent>
        <mc:AlternateContent xmlns:mc="http://schemas.openxmlformats.org/markup-compatibility/2006">
          <mc:Choice Requires="x14">
            <control shapeId="146438" r:id="rId6" name="Check Box 6">
              <controlPr defaultSize="0" autoFill="0" autoLine="0" autoPict="0">
                <anchor moveWithCells="1">
                  <from>
                    <xdr:col>2</xdr:col>
                    <xdr:colOff>104775</xdr:colOff>
                    <xdr:row>375</xdr:row>
                    <xdr:rowOff>219075</xdr:rowOff>
                  </from>
                  <to>
                    <xdr:col>3</xdr:col>
                    <xdr:colOff>104775</xdr:colOff>
                    <xdr:row>377</xdr:row>
                    <xdr:rowOff>19050</xdr:rowOff>
                  </to>
                </anchor>
              </controlPr>
            </control>
          </mc:Choice>
        </mc:AlternateContent>
        <mc:AlternateContent xmlns:mc="http://schemas.openxmlformats.org/markup-compatibility/2006">
          <mc:Choice Requires="x14">
            <control shapeId="146439" r:id="rId7" name="Check Box 7">
              <controlPr defaultSize="0" autoFill="0" autoLine="0" autoPict="0">
                <anchor moveWithCells="1">
                  <from>
                    <xdr:col>2</xdr:col>
                    <xdr:colOff>104775</xdr:colOff>
                    <xdr:row>376</xdr:row>
                    <xdr:rowOff>219075</xdr:rowOff>
                  </from>
                  <to>
                    <xdr:col>3</xdr:col>
                    <xdr:colOff>104775</xdr:colOff>
                    <xdr:row>378</xdr:row>
                    <xdr:rowOff>19050</xdr:rowOff>
                  </to>
                </anchor>
              </controlPr>
            </control>
          </mc:Choice>
        </mc:AlternateContent>
        <mc:AlternateContent xmlns:mc="http://schemas.openxmlformats.org/markup-compatibility/2006">
          <mc:Choice Requires="x14">
            <control shapeId="146440" r:id="rId8" name="Check Box 8">
              <controlPr defaultSize="0" autoFill="0" autoLine="0" autoPict="0">
                <anchor moveWithCells="1">
                  <from>
                    <xdr:col>8</xdr:col>
                    <xdr:colOff>95250</xdr:colOff>
                    <xdr:row>370</xdr:row>
                    <xdr:rowOff>219075</xdr:rowOff>
                  </from>
                  <to>
                    <xdr:col>9</xdr:col>
                    <xdr:colOff>95250</xdr:colOff>
                    <xdr:row>372</xdr:row>
                    <xdr:rowOff>19050</xdr:rowOff>
                  </to>
                </anchor>
              </controlPr>
            </control>
          </mc:Choice>
        </mc:AlternateContent>
        <mc:AlternateContent xmlns:mc="http://schemas.openxmlformats.org/markup-compatibility/2006">
          <mc:Choice Requires="x14">
            <control shapeId="146441" r:id="rId9" name="Check Box 9">
              <controlPr defaultSize="0" autoFill="0" autoLine="0" autoPict="0">
                <anchor moveWithCells="1">
                  <from>
                    <xdr:col>8</xdr:col>
                    <xdr:colOff>95250</xdr:colOff>
                    <xdr:row>371</xdr:row>
                    <xdr:rowOff>219075</xdr:rowOff>
                  </from>
                  <to>
                    <xdr:col>9</xdr:col>
                    <xdr:colOff>95250</xdr:colOff>
                    <xdr:row>373</xdr:row>
                    <xdr:rowOff>19050</xdr:rowOff>
                  </to>
                </anchor>
              </controlPr>
            </control>
          </mc:Choice>
        </mc:AlternateContent>
        <mc:AlternateContent xmlns:mc="http://schemas.openxmlformats.org/markup-compatibility/2006">
          <mc:Choice Requires="x14">
            <control shapeId="146442" r:id="rId10" name="Check Box 10">
              <controlPr defaultSize="0" autoFill="0" autoLine="0" autoPict="0">
                <anchor moveWithCells="1">
                  <from>
                    <xdr:col>8</xdr:col>
                    <xdr:colOff>85725</xdr:colOff>
                    <xdr:row>373</xdr:row>
                    <xdr:rowOff>76200</xdr:rowOff>
                  </from>
                  <to>
                    <xdr:col>9</xdr:col>
                    <xdr:colOff>85725</xdr:colOff>
                    <xdr:row>374</xdr:row>
                    <xdr:rowOff>104775</xdr:rowOff>
                  </to>
                </anchor>
              </controlPr>
            </control>
          </mc:Choice>
        </mc:AlternateContent>
      </controls>
    </mc:Choice>
  </mc:AlternateConten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8007D5DC74552B448B8E57FF66CAE84E" ma:contentTypeVersion="3" ma:contentTypeDescription="新しいドキュメントを作成します。" ma:contentTypeScope="" ma:versionID="99edc9ed5776e4848ce55dcae2983b00">
  <xsd:schema xmlns:xsd="http://www.w3.org/2001/XMLSchema" xmlns:xs="http://www.w3.org/2001/XMLSchema" xmlns:p="http://schemas.microsoft.com/office/2006/metadata/properties" xmlns:ns2="f7cac8d2-d5e7-4379-a2c6-46e762dc3338" targetNamespace="http://schemas.microsoft.com/office/2006/metadata/properties" ma:root="true" ma:fieldsID="8343053f9654a0a4eb3a95b974b210d2" ns2:_="">
    <xsd:import namespace="f7cac8d2-d5e7-4379-a2c6-46e762dc3338"/>
    <xsd:element name="properties">
      <xsd:complexType>
        <xsd:sequence>
          <xsd:element name="documentManagement">
            <xsd:complexType>
              <xsd:all>
                <xsd:element ref="ns2:MediaServiceMetadata" minOccurs="0"/>
                <xsd:element ref="ns2:MediaServiceFastMetadata"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7cac8d2-d5e7-4379-a2c6-46e762dc333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B14A922-9FE1-4CA4-980A-60ACB3AFD15B}">
  <ds:schemaRefs>
    <ds:schemaRef ds:uri="f7cac8d2-d5e7-4379-a2c6-46e762dc3338"/>
    <ds:schemaRef ds:uri="http://purl.org/dc/terms/"/>
    <ds:schemaRef ds:uri="http://schemas.openxmlformats.org/package/2006/metadata/core-properties"/>
    <ds:schemaRef ds:uri="http://purl.org/dc/dcmitype/"/>
    <ds:schemaRef ds:uri="http://schemas.microsoft.com/office/infopath/2007/PartnerControls"/>
    <ds:schemaRef ds:uri="http://schemas.microsoft.com/office/2006/documentManagement/types"/>
    <ds:schemaRef ds:uri="http://purl.org/dc/elements/1.1/"/>
    <ds:schemaRef ds:uri="http://schemas.microsoft.com/office/2006/metadata/properties"/>
    <ds:schemaRef ds:uri="http://www.w3.org/XML/1998/namespace"/>
  </ds:schemaRefs>
</ds:datastoreItem>
</file>

<file path=customXml/itemProps2.xml><?xml version="1.0" encoding="utf-8"?>
<ds:datastoreItem xmlns:ds="http://schemas.openxmlformats.org/officeDocument/2006/customXml" ds:itemID="{074C5511-AEFF-4C8C-BC66-33CAB7A33B49}">
  <ds:schemaRefs>
    <ds:schemaRef ds:uri="http://schemas.microsoft.com/sharepoint/v3/contenttype/forms"/>
  </ds:schemaRefs>
</ds:datastoreItem>
</file>

<file path=customXml/itemProps3.xml><?xml version="1.0" encoding="utf-8"?>
<ds:datastoreItem xmlns:ds="http://schemas.openxmlformats.org/officeDocument/2006/customXml" ds:itemID="{0F633223-6370-4BBF-9466-0A8A4573A56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7cac8d2-d5e7-4379-a2c6-46e762dc333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8</vt:i4>
      </vt:variant>
    </vt:vector>
  </HeadingPairs>
  <TitlesOfParts>
    <vt:vector size="16" baseType="lpstr">
      <vt:lpstr>表紙・目次</vt:lpstr>
      <vt:lpstr>1入所児童数調べ</vt:lpstr>
      <vt:lpstr>2職員配置状況</vt:lpstr>
      <vt:lpstr>3職員の勤務状況</vt:lpstr>
      <vt:lpstr>4-1常勤1か月の勤務</vt:lpstr>
      <vt:lpstr>4-2非常勤1か月の勤務</vt:lpstr>
      <vt:lpstr>自主点検表</vt:lpstr>
      <vt:lpstr>各種項目入力欄※ここに入力すると点検表に反映されます</vt:lpstr>
      <vt:lpstr>'1入所児童数調べ'!Print_Area</vt:lpstr>
      <vt:lpstr>'2職員配置状況'!Print_Area</vt:lpstr>
      <vt:lpstr>'3職員の勤務状況'!Print_Area</vt:lpstr>
      <vt:lpstr>'4-1常勤1か月の勤務'!Print_Area</vt:lpstr>
      <vt:lpstr>各種項目入力欄※ここに入力すると点検表に反映されます!Print_Area</vt:lpstr>
      <vt:lpstr>自主点検表!Print_Area</vt:lpstr>
      <vt:lpstr>表紙・目次!Print_Area</vt:lpstr>
      <vt:lpstr>自主点検表!Print_Titles</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田島　勝彦</dc:creator>
  <cp:keywords/>
  <dc:description/>
  <cp:lastModifiedBy>田島　勝彦</cp:lastModifiedBy>
  <cp:revision/>
  <cp:lastPrinted>2026-01-07T07:29:58Z</cp:lastPrinted>
  <dcterms:created xsi:type="dcterms:W3CDTF">2025-04-04T06:15:50Z</dcterms:created>
  <dcterms:modified xsi:type="dcterms:W3CDTF">2026-01-07T23:35:4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007D5DC74552B448B8E57FF66CAE84E</vt:lpwstr>
  </property>
</Properties>
</file>